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4145" r:id="rId12"/>
  </p:sldMasterIdLst>
  <p:notesMasterIdLst>
    <p:notesMasterId r:id="rId25"/>
  </p:notesMasterIdLst>
  <p:handoutMasterIdLst>
    <p:handoutMasterId r:id="rId26"/>
  </p:handoutMasterIdLst>
  <p:sldIdLst>
    <p:sldId id="437" r:id="rId13"/>
    <p:sldId id="441" r:id="rId14"/>
    <p:sldId id="440" r:id="rId15"/>
    <p:sldId id="266" r:id="rId16"/>
    <p:sldId id="261" r:id="rId17"/>
    <p:sldId id="259" r:id="rId18"/>
    <p:sldId id="446" r:id="rId19"/>
    <p:sldId id="445" r:id="rId20"/>
    <p:sldId id="264" r:id="rId21"/>
    <p:sldId id="443" r:id="rId22"/>
    <p:sldId id="442" r:id="rId23"/>
    <p:sldId id="444" r:id="rId24"/>
  </p:sldIdLst>
  <p:sldSz cx="12192000" cy="6858000"/>
  <p:notesSz cx="7315200" cy="9601200"/>
  <p:custDataLst>
    <p:tags r:id="rId27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024">
          <p15:clr>
            <a:srgbClr val="A4A3A4"/>
          </p15:clr>
        </p15:guide>
        <p15:guide id="2" pos="2304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5B4D1D21-6890-3E4F-F336-2611F7B6722C}" name="Schulfer, Gretchen" initials="SG" userId="S::gschulfer@deloitte.com::c352446a-8589-4ce1-8481-211528268116" providerId="AD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0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53565B"/>
    <a:srgbClr val="D0D0CE"/>
    <a:srgbClr val="26890D"/>
    <a:srgbClr val="000000"/>
    <a:srgbClr val="046A38"/>
    <a:srgbClr val="FFCD00"/>
    <a:srgbClr val="ED8B00"/>
    <a:srgbClr val="DB291C"/>
    <a:srgbClr val="FF99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3" autoAdjust="0"/>
    <p:restoredTop sz="94731" autoAdjust="0"/>
  </p:normalViewPr>
  <p:slideViewPr>
    <p:cSldViewPr snapToGrid="0" showGuides="1">
      <p:cViewPr varScale="1">
        <p:scale>
          <a:sx n="111" d="100"/>
          <a:sy n="111" d="100"/>
        </p:scale>
        <p:origin x="390" y="10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81" d="100"/>
        <a:sy n="81" d="100"/>
      </p:scale>
      <p:origin x="0" y="0"/>
    </p:cViewPr>
  </p:sorterViewPr>
  <p:notesViewPr>
    <p:cSldViewPr snapToGrid="0" showGuides="1">
      <p:cViewPr varScale="1">
        <p:scale>
          <a:sx n="57" d="100"/>
          <a:sy n="57" d="100"/>
        </p:scale>
        <p:origin x="1992" y="90"/>
      </p:cViewPr>
      <p:guideLst>
        <p:guide orient="horz" pos="3024"/>
        <p:guide pos="2304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34" Type="http://schemas.microsoft.com/office/2018/10/relationships/authors" Target="author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notesMaster" Target="notesMasters/notesMaster1.xml"/><Relationship Id="rId33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commentAuthors" Target="commentAuthor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tags" Target="tags/tag1.xml"/><Relationship Id="rId30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ergqvist, Anna" userId="b0b899fe-8a65-4510-a4e5-543f8918d854" providerId="ADAL" clId="{D485F1D1-07DB-42AC-9118-532499B5F3A6}"/>
    <pc:docChg chg="custSel modMainMaster">
      <pc:chgData name="Bergqvist, Anna" userId="b0b899fe-8a65-4510-a4e5-543f8918d854" providerId="ADAL" clId="{D485F1D1-07DB-42AC-9118-532499B5F3A6}" dt="2026-04-20T10:54:12.672" v="21" actId="139"/>
      <pc:docMkLst>
        <pc:docMk/>
      </pc:docMkLst>
      <pc:sldMasterChg chg="modSp mod modSldLayout">
        <pc:chgData name="Bergqvist, Anna" userId="b0b899fe-8a65-4510-a4e5-543f8918d854" providerId="ADAL" clId="{D485F1D1-07DB-42AC-9118-532499B5F3A6}" dt="2026-04-20T10:54:12.672" v="21" actId="139"/>
        <pc:sldMasterMkLst>
          <pc:docMk/>
          <pc:sldMasterMk cId="1853039400" sldId="2147484145"/>
        </pc:sldMasterMkLst>
        <pc:spChg chg="mod">
          <ac:chgData name="Bergqvist, Anna" userId="b0b899fe-8a65-4510-a4e5-543f8918d854" providerId="ADAL" clId="{D485F1D1-07DB-42AC-9118-532499B5F3A6}" dt="2026-04-20T10:54:12.589" v="1" actId="139"/>
          <ac:spMkLst>
            <pc:docMk/>
            <pc:sldMasterMk cId="1853039400" sldId="2147484145"/>
            <ac:spMk id="7" creationId="{A2A10F3B-8823-12E8-86E8-A72379C476F9}"/>
          </ac:spMkLst>
        </pc:spChg>
        <pc:sldLayoutChg chg="modSp mod">
          <pc:chgData name="Bergqvist, Anna" userId="b0b899fe-8a65-4510-a4e5-543f8918d854" providerId="ADAL" clId="{D485F1D1-07DB-42AC-9118-532499B5F3A6}" dt="2026-04-20T10:54:12.618" v="5" actId="139"/>
          <pc:sldLayoutMkLst>
            <pc:docMk/>
            <pc:sldMasterMk cId="1853039400" sldId="2147484145"/>
            <pc:sldLayoutMk cId="521971579" sldId="2147483994"/>
          </pc:sldLayoutMkLst>
          <pc:spChg chg="mod">
            <ac:chgData name="Bergqvist, Anna" userId="b0b899fe-8a65-4510-a4e5-543f8918d854" providerId="ADAL" clId="{D485F1D1-07DB-42AC-9118-532499B5F3A6}" dt="2026-04-20T10:54:12.618" v="5" actId="139"/>
            <ac:spMkLst>
              <pc:docMk/>
              <pc:sldMasterMk cId="1853039400" sldId="2147484145"/>
              <pc:sldLayoutMk cId="521971579" sldId="2147483994"/>
              <ac:spMk id="7" creationId="{C9DA7256-D510-92DC-2C86-BADDCDF98344}"/>
            </ac:spMkLst>
          </pc:spChg>
        </pc:sldLayoutChg>
        <pc:sldLayoutChg chg="modSp mod">
          <pc:chgData name="Bergqvist, Anna" userId="b0b899fe-8a65-4510-a4e5-543f8918d854" providerId="ADAL" clId="{D485F1D1-07DB-42AC-9118-532499B5F3A6}" dt="2026-04-20T10:54:12.626" v="9" actId="139"/>
          <pc:sldLayoutMkLst>
            <pc:docMk/>
            <pc:sldMasterMk cId="1853039400" sldId="2147484145"/>
            <pc:sldLayoutMk cId="205482005" sldId="2147483995"/>
          </pc:sldLayoutMkLst>
          <pc:spChg chg="mod">
            <ac:chgData name="Bergqvist, Anna" userId="b0b899fe-8a65-4510-a4e5-543f8918d854" providerId="ADAL" clId="{D485F1D1-07DB-42AC-9118-532499B5F3A6}" dt="2026-04-20T10:54:12.626" v="9" actId="139"/>
            <ac:spMkLst>
              <pc:docMk/>
              <pc:sldMasterMk cId="1853039400" sldId="2147484145"/>
              <pc:sldLayoutMk cId="205482005" sldId="2147483995"/>
              <ac:spMk id="5" creationId="{1B08B9FD-6C5B-A161-D2D5-7A82E9DB3DB5}"/>
            </ac:spMkLst>
          </pc:spChg>
        </pc:sldLayoutChg>
        <pc:sldLayoutChg chg="modSp mod">
          <pc:chgData name="Bergqvist, Anna" userId="b0b899fe-8a65-4510-a4e5-543f8918d854" providerId="ADAL" clId="{D485F1D1-07DB-42AC-9118-532499B5F3A6}" dt="2026-04-20T10:54:12.622" v="7" actId="139"/>
          <pc:sldLayoutMkLst>
            <pc:docMk/>
            <pc:sldMasterMk cId="1853039400" sldId="2147484145"/>
            <pc:sldLayoutMk cId="2179334884" sldId="2147483996"/>
          </pc:sldLayoutMkLst>
          <pc:spChg chg="mod">
            <ac:chgData name="Bergqvist, Anna" userId="b0b899fe-8a65-4510-a4e5-543f8918d854" providerId="ADAL" clId="{D485F1D1-07DB-42AC-9118-532499B5F3A6}" dt="2026-04-20T10:54:12.622" v="7" actId="139"/>
            <ac:spMkLst>
              <pc:docMk/>
              <pc:sldMasterMk cId="1853039400" sldId="2147484145"/>
              <pc:sldLayoutMk cId="2179334884" sldId="2147483996"/>
              <ac:spMk id="7" creationId="{7F726BD5-32D1-0C8B-8B78-0C130D87BDB9}"/>
            </ac:spMkLst>
          </pc:spChg>
        </pc:sldLayoutChg>
        <pc:sldLayoutChg chg="modSp mod">
          <pc:chgData name="Bergqvist, Anna" userId="b0b899fe-8a65-4510-a4e5-543f8918d854" providerId="ADAL" clId="{D485F1D1-07DB-42AC-9118-532499B5F3A6}" dt="2026-04-20T10:54:12.651" v="13" actId="139"/>
          <pc:sldLayoutMkLst>
            <pc:docMk/>
            <pc:sldMasterMk cId="1853039400" sldId="2147484145"/>
            <pc:sldLayoutMk cId="3884655732" sldId="2147484011"/>
          </pc:sldLayoutMkLst>
          <pc:spChg chg="mod">
            <ac:chgData name="Bergqvist, Anna" userId="b0b899fe-8a65-4510-a4e5-543f8918d854" providerId="ADAL" clId="{D485F1D1-07DB-42AC-9118-532499B5F3A6}" dt="2026-04-20T10:54:12.651" v="13" actId="139"/>
            <ac:spMkLst>
              <pc:docMk/>
              <pc:sldMasterMk cId="1853039400" sldId="2147484145"/>
              <pc:sldLayoutMk cId="3884655732" sldId="2147484011"/>
              <ac:spMk id="2" creationId="{6ABC41BE-28A6-9BCC-C7A6-7CDAA1375BC5}"/>
            </ac:spMkLst>
          </pc:spChg>
        </pc:sldLayoutChg>
        <pc:sldLayoutChg chg="modSp mod">
          <pc:chgData name="Bergqvist, Anna" userId="b0b899fe-8a65-4510-a4e5-543f8918d854" providerId="ADAL" clId="{D485F1D1-07DB-42AC-9118-532499B5F3A6}" dt="2026-04-20T10:54:12.656" v="15" actId="139"/>
          <pc:sldLayoutMkLst>
            <pc:docMk/>
            <pc:sldMasterMk cId="1853039400" sldId="2147484145"/>
            <pc:sldLayoutMk cId="218429982" sldId="2147484013"/>
          </pc:sldLayoutMkLst>
          <pc:spChg chg="mod">
            <ac:chgData name="Bergqvist, Anna" userId="b0b899fe-8a65-4510-a4e5-543f8918d854" providerId="ADAL" clId="{D485F1D1-07DB-42AC-9118-532499B5F3A6}" dt="2026-04-20T10:54:12.656" v="15" actId="139"/>
            <ac:spMkLst>
              <pc:docMk/>
              <pc:sldMasterMk cId="1853039400" sldId="2147484145"/>
              <pc:sldLayoutMk cId="218429982" sldId="2147484013"/>
              <ac:spMk id="2" creationId="{45C8B7CD-557D-AB03-3A93-FC41C9810FE1}"/>
            </ac:spMkLst>
          </pc:spChg>
        </pc:sldLayoutChg>
        <pc:sldLayoutChg chg="modSp mod">
          <pc:chgData name="Bergqvist, Anna" userId="b0b899fe-8a65-4510-a4e5-543f8918d854" providerId="ADAL" clId="{D485F1D1-07DB-42AC-9118-532499B5F3A6}" dt="2026-04-20T10:54:12.661" v="17" actId="139"/>
          <pc:sldLayoutMkLst>
            <pc:docMk/>
            <pc:sldMasterMk cId="1853039400" sldId="2147484145"/>
            <pc:sldLayoutMk cId="3896366125" sldId="2147484014"/>
          </pc:sldLayoutMkLst>
          <pc:spChg chg="mod">
            <ac:chgData name="Bergqvist, Anna" userId="b0b899fe-8a65-4510-a4e5-543f8918d854" providerId="ADAL" clId="{D485F1D1-07DB-42AC-9118-532499B5F3A6}" dt="2026-04-20T10:54:12.661" v="17" actId="139"/>
            <ac:spMkLst>
              <pc:docMk/>
              <pc:sldMasterMk cId="1853039400" sldId="2147484145"/>
              <pc:sldLayoutMk cId="3896366125" sldId="2147484014"/>
              <ac:spMk id="4" creationId="{ECE87BF9-0ECB-E651-2ED5-BB50442CDB41}"/>
            </ac:spMkLst>
          </pc:spChg>
        </pc:sldLayoutChg>
        <pc:sldLayoutChg chg="modSp mod">
          <pc:chgData name="Bergqvist, Anna" userId="b0b899fe-8a65-4510-a4e5-543f8918d854" providerId="ADAL" clId="{D485F1D1-07DB-42AC-9118-532499B5F3A6}" dt="2026-04-20T10:54:12.667" v="19" actId="139"/>
          <pc:sldLayoutMkLst>
            <pc:docMk/>
            <pc:sldMasterMk cId="1853039400" sldId="2147484145"/>
            <pc:sldLayoutMk cId="753278530" sldId="2147484015"/>
          </pc:sldLayoutMkLst>
          <pc:spChg chg="mod">
            <ac:chgData name="Bergqvist, Anna" userId="b0b899fe-8a65-4510-a4e5-543f8918d854" providerId="ADAL" clId="{D485F1D1-07DB-42AC-9118-532499B5F3A6}" dt="2026-04-20T10:54:12.667" v="19" actId="139"/>
            <ac:spMkLst>
              <pc:docMk/>
              <pc:sldMasterMk cId="1853039400" sldId="2147484145"/>
              <pc:sldLayoutMk cId="753278530" sldId="2147484015"/>
              <ac:spMk id="6" creationId="{E599BEF7-FA4C-7085-1465-2963E0C97BE6}"/>
            </ac:spMkLst>
          </pc:spChg>
        </pc:sldLayoutChg>
        <pc:sldLayoutChg chg="modSp mod">
          <pc:chgData name="Bergqvist, Anna" userId="b0b899fe-8a65-4510-a4e5-543f8918d854" providerId="ADAL" clId="{D485F1D1-07DB-42AC-9118-532499B5F3A6}" dt="2026-04-20T10:54:12.672" v="21" actId="139"/>
          <pc:sldLayoutMkLst>
            <pc:docMk/>
            <pc:sldMasterMk cId="1853039400" sldId="2147484145"/>
            <pc:sldLayoutMk cId="2734513497" sldId="2147484016"/>
          </pc:sldLayoutMkLst>
          <pc:spChg chg="mod">
            <ac:chgData name="Bergqvist, Anna" userId="b0b899fe-8a65-4510-a4e5-543f8918d854" providerId="ADAL" clId="{D485F1D1-07DB-42AC-9118-532499B5F3A6}" dt="2026-04-20T10:54:12.672" v="21" actId="139"/>
            <ac:spMkLst>
              <pc:docMk/>
              <pc:sldMasterMk cId="1853039400" sldId="2147484145"/>
              <pc:sldLayoutMk cId="2734513497" sldId="2147484016"/>
              <ac:spMk id="6" creationId="{992FC042-C0BB-6E87-173C-9C7D896B28CC}"/>
            </ac:spMkLst>
          </pc:spChg>
        </pc:sldLayoutChg>
        <pc:sldLayoutChg chg="modSp mod">
          <pc:chgData name="Bergqvist, Anna" userId="b0b899fe-8a65-4510-a4e5-543f8918d854" providerId="ADAL" clId="{D485F1D1-07DB-42AC-9118-532499B5F3A6}" dt="2026-04-20T10:54:12.631" v="11" actId="139"/>
          <pc:sldLayoutMkLst>
            <pc:docMk/>
            <pc:sldMasterMk cId="1853039400" sldId="2147484145"/>
            <pc:sldLayoutMk cId="3034022320" sldId="2147484017"/>
          </pc:sldLayoutMkLst>
          <pc:spChg chg="mod">
            <ac:chgData name="Bergqvist, Anna" userId="b0b899fe-8a65-4510-a4e5-543f8918d854" providerId="ADAL" clId="{D485F1D1-07DB-42AC-9118-532499B5F3A6}" dt="2026-04-20T10:54:12.631" v="11" actId="139"/>
            <ac:spMkLst>
              <pc:docMk/>
              <pc:sldMasterMk cId="1853039400" sldId="2147484145"/>
              <pc:sldLayoutMk cId="3034022320" sldId="2147484017"/>
              <ac:spMk id="7" creationId="{8193DA32-ECFC-82C3-679D-D0FF934F1F2A}"/>
            </ac:spMkLst>
          </pc:spChg>
        </pc:sldLayoutChg>
        <pc:sldLayoutChg chg="modSp mod">
          <pc:chgData name="Bergqvist, Anna" userId="b0b899fe-8a65-4510-a4e5-543f8918d854" providerId="ADAL" clId="{D485F1D1-07DB-42AC-9118-532499B5F3A6}" dt="2026-04-20T10:54:12.613" v="3" actId="139"/>
          <pc:sldLayoutMkLst>
            <pc:docMk/>
            <pc:sldMasterMk cId="1853039400" sldId="2147484145"/>
            <pc:sldLayoutMk cId="1186284586" sldId="2147484019"/>
          </pc:sldLayoutMkLst>
          <pc:spChg chg="mod">
            <ac:chgData name="Bergqvist, Anna" userId="b0b899fe-8a65-4510-a4e5-543f8918d854" providerId="ADAL" clId="{D485F1D1-07DB-42AC-9118-532499B5F3A6}" dt="2026-04-20T10:54:12.613" v="3" actId="139"/>
            <ac:spMkLst>
              <pc:docMk/>
              <pc:sldMasterMk cId="1853039400" sldId="2147484145"/>
              <pc:sldLayoutMk cId="1186284586" sldId="2147484019"/>
              <ac:spMk id="5" creationId="{62398D06-C488-9DDB-E248-1C4BC1724227}"/>
            </ac:spMkLst>
          </pc:spChg>
        </pc:sldLayoutChg>
      </pc:sldMasterChg>
    </pc:docChg>
  </pc:docChgLst>
</pc:chgInfo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svg"/><Relationship Id="rId1" Type="http://schemas.openxmlformats.org/officeDocument/2006/relationships/image" Target="../media/image4.png"/><Relationship Id="rId4" Type="http://schemas.openxmlformats.org/officeDocument/2006/relationships/image" Target="../media/image7.svg"/></Relationships>
</file>

<file path=ppt/diagrams/_rels/data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svg"/><Relationship Id="rId1" Type="http://schemas.openxmlformats.org/officeDocument/2006/relationships/image" Target="../media/image4.png"/><Relationship Id="rId4" Type="http://schemas.openxmlformats.org/officeDocument/2006/relationships/image" Target="../media/image7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svg"/><Relationship Id="rId1" Type="http://schemas.openxmlformats.org/officeDocument/2006/relationships/image" Target="../media/image4.png"/><Relationship Id="rId4" Type="http://schemas.openxmlformats.org/officeDocument/2006/relationships/image" Target="../media/image7.svg"/></Relationships>
</file>

<file path=ppt/diagrams/_rels/drawing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svg"/><Relationship Id="rId1" Type="http://schemas.openxmlformats.org/officeDocument/2006/relationships/image" Target="../media/image4.png"/><Relationship Id="rId4" Type="http://schemas.openxmlformats.org/officeDocument/2006/relationships/image" Target="../media/image7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18/5/colors/Iconchunking_neutralbg_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bg1">
        <a:lumMod val="95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18/5/colors/Iconchunking_neutralbg_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bg1">
        <a:lumMod val="95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9B39CD0-0E7D-4790-825C-295CDA5ABE0C}" type="doc">
      <dgm:prSet loTypeId="urn:microsoft.com/office/officeart/2018/2/layout/IconVerticalSolidList" loCatId="icon" qsTypeId="urn:microsoft.com/office/officeart/2005/8/quickstyle/simple1" qsCatId="simple" csTypeId="urn:microsoft.com/office/officeart/2018/5/colors/Iconchunking_neutralbg_colorful1" csCatId="colorful" phldr="1"/>
      <dgm:spPr/>
      <dgm:t>
        <a:bodyPr/>
        <a:lstStyle/>
        <a:p>
          <a:endParaRPr lang="en-US"/>
        </a:p>
      </dgm:t>
    </dgm:pt>
    <dgm:pt modelId="{BFF4D968-42F2-4306-B543-68AA72E038E7}">
      <dgm:prSet/>
      <dgm:spPr/>
      <dgm:t>
        <a:bodyPr/>
        <a:lstStyle/>
        <a:p>
          <a:r>
            <a:rPr lang="en-US" dirty="0"/>
            <a:t>2st </a:t>
          </a:r>
          <a:r>
            <a:rPr lang="en-US" dirty="0" err="1"/>
            <a:t>fasta</a:t>
          </a:r>
          <a:r>
            <a:rPr lang="en-US" dirty="0"/>
            <a:t> 9-mannalag </a:t>
          </a:r>
          <a:r>
            <a:rPr lang="en-US" dirty="0" err="1"/>
            <a:t>i</a:t>
          </a:r>
          <a:r>
            <a:rPr lang="en-US" dirty="0"/>
            <a:t> </a:t>
          </a:r>
          <a:r>
            <a:rPr lang="en-US" dirty="0" err="1"/>
            <a:t>seriespelet</a:t>
          </a:r>
          <a:endParaRPr lang="en-US" dirty="0"/>
        </a:p>
      </dgm:t>
    </dgm:pt>
    <dgm:pt modelId="{DECF1E00-3EFF-405E-ACE3-27399461A20A}" type="parTrans" cxnId="{9DC6D984-9C7E-4F64-9CDC-F1947042EB2F}">
      <dgm:prSet/>
      <dgm:spPr/>
      <dgm:t>
        <a:bodyPr/>
        <a:lstStyle/>
        <a:p>
          <a:endParaRPr lang="en-US"/>
        </a:p>
      </dgm:t>
    </dgm:pt>
    <dgm:pt modelId="{4F1AA69C-9E2E-4D8B-BE5A-6C7EB7E13A92}" type="sibTrans" cxnId="{9DC6D984-9C7E-4F64-9CDC-F1947042EB2F}">
      <dgm:prSet/>
      <dgm:spPr/>
      <dgm:t>
        <a:bodyPr/>
        <a:lstStyle/>
        <a:p>
          <a:endParaRPr lang="en-US"/>
        </a:p>
      </dgm:t>
    </dgm:pt>
    <dgm:pt modelId="{3D5BEF0F-469B-48D8-91AC-EFB6AFB4528D}">
      <dgm:prSet/>
      <dgm:spPr/>
      <dgm:t>
        <a:bodyPr/>
        <a:lstStyle/>
        <a:p>
          <a:r>
            <a:rPr lang="en-US" dirty="0"/>
            <a:t>2st 5-mannalag Futsal</a:t>
          </a:r>
          <a:r>
            <a:rPr lang="en-US" baseline="0" dirty="0"/>
            <a:t> </a:t>
          </a:r>
          <a:endParaRPr lang="en-US" dirty="0"/>
        </a:p>
      </dgm:t>
    </dgm:pt>
    <dgm:pt modelId="{E34B6EEF-E412-4F83-A7C5-D7B71FC6D1D0}" type="parTrans" cxnId="{86AA740B-ADA3-4556-834F-45F687612FC6}">
      <dgm:prSet/>
      <dgm:spPr/>
      <dgm:t>
        <a:bodyPr/>
        <a:lstStyle/>
        <a:p>
          <a:endParaRPr lang="en-US"/>
        </a:p>
      </dgm:t>
    </dgm:pt>
    <dgm:pt modelId="{9F6D6ABE-994F-426F-9C69-2393A59A654F}" type="sibTrans" cxnId="{86AA740B-ADA3-4556-834F-45F687612FC6}">
      <dgm:prSet/>
      <dgm:spPr/>
      <dgm:t>
        <a:bodyPr/>
        <a:lstStyle/>
        <a:p>
          <a:endParaRPr lang="en-US"/>
        </a:p>
      </dgm:t>
    </dgm:pt>
    <dgm:pt modelId="{A94466C2-CB24-46F9-8C20-D5FB789841DD}" type="pres">
      <dgm:prSet presAssocID="{29B39CD0-0E7D-4790-825C-295CDA5ABE0C}" presName="root" presStyleCnt="0">
        <dgm:presLayoutVars>
          <dgm:dir/>
          <dgm:resizeHandles val="exact"/>
        </dgm:presLayoutVars>
      </dgm:prSet>
      <dgm:spPr/>
    </dgm:pt>
    <dgm:pt modelId="{0FC2C33B-C70E-4824-9171-2F95CAFB8F3D}" type="pres">
      <dgm:prSet presAssocID="{BFF4D968-42F2-4306-B543-68AA72E038E7}" presName="compNode" presStyleCnt="0"/>
      <dgm:spPr/>
    </dgm:pt>
    <dgm:pt modelId="{17CC6806-57BA-40AF-9AAA-A079EE2E818A}" type="pres">
      <dgm:prSet presAssocID="{BFF4D968-42F2-4306-B543-68AA72E038E7}" presName="bgRect" presStyleLbl="bgShp" presStyleIdx="0" presStyleCnt="2"/>
      <dgm:spPr/>
    </dgm:pt>
    <dgm:pt modelId="{702B342D-40F4-4480-A5DB-A85D33385A62}" type="pres">
      <dgm:prSet presAssocID="{BFF4D968-42F2-4306-B543-68AA72E038E7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Prispokal"/>
        </a:ext>
      </dgm:extLst>
    </dgm:pt>
    <dgm:pt modelId="{413ED0DE-A836-47C6-BACE-A300362FC3A4}" type="pres">
      <dgm:prSet presAssocID="{BFF4D968-42F2-4306-B543-68AA72E038E7}" presName="spaceRect" presStyleCnt="0"/>
      <dgm:spPr/>
    </dgm:pt>
    <dgm:pt modelId="{85B5D922-75DE-4CA3-A328-35BD3D7763D5}" type="pres">
      <dgm:prSet presAssocID="{BFF4D968-42F2-4306-B543-68AA72E038E7}" presName="parTx" presStyleLbl="revTx" presStyleIdx="0" presStyleCnt="2">
        <dgm:presLayoutVars>
          <dgm:chMax val="0"/>
          <dgm:chPref val="0"/>
        </dgm:presLayoutVars>
      </dgm:prSet>
      <dgm:spPr/>
    </dgm:pt>
    <dgm:pt modelId="{921E4106-AED7-4754-863C-610BABECDC5E}" type="pres">
      <dgm:prSet presAssocID="{4F1AA69C-9E2E-4D8B-BE5A-6C7EB7E13A92}" presName="sibTrans" presStyleCnt="0"/>
      <dgm:spPr/>
    </dgm:pt>
    <dgm:pt modelId="{5EB0E9F0-42F5-4D60-824C-3F91FA077739}" type="pres">
      <dgm:prSet presAssocID="{3D5BEF0F-469B-48D8-91AC-EFB6AFB4528D}" presName="compNode" presStyleCnt="0"/>
      <dgm:spPr/>
    </dgm:pt>
    <dgm:pt modelId="{AAF69DC6-5114-4551-AC90-ED4583B4DA7A}" type="pres">
      <dgm:prSet presAssocID="{3D5BEF0F-469B-48D8-91AC-EFB6AFB4528D}" presName="bgRect" presStyleLbl="bgShp" presStyleIdx="1" presStyleCnt="2" custLinFactNeighborX="-393" custLinFactNeighborY="2638"/>
      <dgm:spPr/>
    </dgm:pt>
    <dgm:pt modelId="{01669704-6FBE-4ECC-9896-53A1AF667A02}" type="pres">
      <dgm:prSet presAssocID="{3D5BEF0F-469B-48D8-91AC-EFB6AFB4528D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nöflinga"/>
        </a:ext>
      </dgm:extLst>
    </dgm:pt>
    <dgm:pt modelId="{270B23B3-1E71-4F31-AE8B-250FE0A765A1}" type="pres">
      <dgm:prSet presAssocID="{3D5BEF0F-469B-48D8-91AC-EFB6AFB4528D}" presName="spaceRect" presStyleCnt="0"/>
      <dgm:spPr/>
    </dgm:pt>
    <dgm:pt modelId="{ACF9497B-F6F5-4380-A1FD-41B3A6F88221}" type="pres">
      <dgm:prSet presAssocID="{3D5BEF0F-469B-48D8-91AC-EFB6AFB4528D}" presName="parTx" presStyleLbl="revTx" presStyleIdx="1" presStyleCnt="2">
        <dgm:presLayoutVars>
          <dgm:chMax val="0"/>
          <dgm:chPref val="0"/>
        </dgm:presLayoutVars>
      </dgm:prSet>
      <dgm:spPr/>
    </dgm:pt>
  </dgm:ptLst>
  <dgm:cxnLst>
    <dgm:cxn modelId="{86AA740B-ADA3-4556-834F-45F687612FC6}" srcId="{29B39CD0-0E7D-4790-825C-295CDA5ABE0C}" destId="{3D5BEF0F-469B-48D8-91AC-EFB6AFB4528D}" srcOrd="1" destOrd="0" parTransId="{E34B6EEF-E412-4F83-A7C5-D7B71FC6D1D0}" sibTransId="{9F6D6ABE-994F-426F-9C69-2393A59A654F}"/>
    <dgm:cxn modelId="{688E2E75-CC88-4A3A-B386-2B55499EF968}" type="presOf" srcId="{3D5BEF0F-469B-48D8-91AC-EFB6AFB4528D}" destId="{ACF9497B-F6F5-4380-A1FD-41B3A6F88221}" srcOrd="0" destOrd="0" presId="urn:microsoft.com/office/officeart/2018/2/layout/IconVerticalSolidList"/>
    <dgm:cxn modelId="{BB099B7B-1D19-4F0F-B6F8-F3078FC2BD9A}" type="presOf" srcId="{29B39CD0-0E7D-4790-825C-295CDA5ABE0C}" destId="{A94466C2-CB24-46F9-8C20-D5FB789841DD}" srcOrd="0" destOrd="0" presId="urn:microsoft.com/office/officeart/2018/2/layout/IconVerticalSolidList"/>
    <dgm:cxn modelId="{FF41EE82-CD90-4228-83B2-F1AD4B7539C2}" type="presOf" srcId="{BFF4D968-42F2-4306-B543-68AA72E038E7}" destId="{85B5D922-75DE-4CA3-A328-35BD3D7763D5}" srcOrd="0" destOrd="0" presId="urn:microsoft.com/office/officeart/2018/2/layout/IconVerticalSolidList"/>
    <dgm:cxn modelId="{9DC6D984-9C7E-4F64-9CDC-F1947042EB2F}" srcId="{29B39CD0-0E7D-4790-825C-295CDA5ABE0C}" destId="{BFF4D968-42F2-4306-B543-68AA72E038E7}" srcOrd="0" destOrd="0" parTransId="{DECF1E00-3EFF-405E-ACE3-27399461A20A}" sibTransId="{4F1AA69C-9E2E-4D8B-BE5A-6C7EB7E13A92}"/>
    <dgm:cxn modelId="{C3BC1942-2B45-4ED1-AA75-5994C23152C4}" type="presParOf" srcId="{A94466C2-CB24-46F9-8C20-D5FB789841DD}" destId="{0FC2C33B-C70E-4824-9171-2F95CAFB8F3D}" srcOrd="0" destOrd="0" presId="urn:microsoft.com/office/officeart/2018/2/layout/IconVerticalSolidList"/>
    <dgm:cxn modelId="{BAFF592B-AFCF-4A5B-8DA3-A4757EF0E76F}" type="presParOf" srcId="{0FC2C33B-C70E-4824-9171-2F95CAFB8F3D}" destId="{17CC6806-57BA-40AF-9AAA-A079EE2E818A}" srcOrd="0" destOrd="0" presId="urn:microsoft.com/office/officeart/2018/2/layout/IconVerticalSolidList"/>
    <dgm:cxn modelId="{8CF25A08-5CFB-437F-8A20-C795E0904A42}" type="presParOf" srcId="{0FC2C33B-C70E-4824-9171-2F95CAFB8F3D}" destId="{702B342D-40F4-4480-A5DB-A85D33385A62}" srcOrd="1" destOrd="0" presId="urn:microsoft.com/office/officeart/2018/2/layout/IconVerticalSolidList"/>
    <dgm:cxn modelId="{47D974BA-3334-4B67-B9A9-78B4976EF189}" type="presParOf" srcId="{0FC2C33B-C70E-4824-9171-2F95CAFB8F3D}" destId="{413ED0DE-A836-47C6-BACE-A300362FC3A4}" srcOrd="2" destOrd="0" presId="urn:microsoft.com/office/officeart/2018/2/layout/IconVerticalSolidList"/>
    <dgm:cxn modelId="{0819C1BC-BEA5-4725-ABCB-AA1494AF84D1}" type="presParOf" srcId="{0FC2C33B-C70E-4824-9171-2F95CAFB8F3D}" destId="{85B5D922-75DE-4CA3-A328-35BD3D7763D5}" srcOrd="3" destOrd="0" presId="urn:microsoft.com/office/officeart/2018/2/layout/IconVerticalSolidList"/>
    <dgm:cxn modelId="{76B4441C-FD36-4FC4-86FD-E7D49F6022F8}" type="presParOf" srcId="{A94466C2-CB24-46F9-8C20-D5FB789841DD}" destId="{921E4106-AED7-4754-863C-610BABECDC5E}" srcOrd="1" destOrd="0" presId="urn:microsoft.com/office/officeart/2018/2/layout/IconVerticalSolidList"/>
    <dgm:cxn modelId="{E81C206C-25CE-4457-97B0-EAFC4FC99F2E}" type="presParOf" srcId="{A94466C2-CB24-46F9-8C20-D5FB789841DD}" destId="{5EB0E9F0-42F5-4D60-824C-3F91FA077739}" srcOrd="2" destOrd="0" presId="urn:microsoft.com/office/officeart/2018/2/layout/IconVerticalSolidList"/>
    <dgm:cxn modelId="{984B7239-F844-4770-867E-CDFF71EA4C13}" type="presParOf" srcId="{5EB0E9F0-42F5-4D60-824C-3F91FA077739}" destId="{AAF69DC6-5114-4551-AC90-ED4583B4DA7A}" srcOrd="0" destOrd="0" presId="urn:microsoft.com/office/officeart/2018/2/layout/IconVerticalSolidList"/>
    <dgm:cxn modelId="{99397158-73FC-4309-AE1A-266EBA6A77F9}" type="presParOf" srcId="{5EB0E9F0-42F5-4D60-824C-3F91FA077739}" destId="{01669704-6FBE-4ECC-9896-53A1AF667A02}" srcOrd="1" destOrd="0" presId="urn:microsoft.com/office/officeart/2018/2/layout/IconVerticalSolidList"/>
    <dgm:cxn modelId="{6E7E03B4-7408-44E3-AB01-D5417C7F51C4}" type="presParOf" srcId="{5EB0E9F0-42F5-4D60-824C-3F91FA077739}" destId="{270B23B3-1E71-4F31-AE8B-250FE0A765A1}" srcOrd="2" destOrd="0" presId="urn:microsoft.com/office/officeart/2018/2/layout/IconVerticalSolidList"/>
    <dgm:cxn modelId="{C7FE4618-F69C-4C2C-AC50-C7073CEC4B9A}" type="presParOf" srcId="{5EB0E9F0-42F5-4D60-824C-3F91FA077739}" destId="{ACF9497B-F6F5-4380-A1FD-41B3A6F88221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29B39CD0-0E7D-4790-825C-295CDA5ABE0C}" type="doc">
      <dgm:prSet loTypeId="urn:microsoft.com/office/officeart/2018/2/layout/IconVerticalSolidList" loCatId="icon" qsTypeId="urn:microsoft.com/office/officeart/2005/8/quickstyle/simple1" qsCatId="simple" csTypeId="urn:microsoft.com/office/officeart/2018/5/colors/Iconchunking_neutralbg_colorful1" csCatId="colorful" phldr="1"/>
      <dgm:spPr/>
      <dgm:t>
        <a:bodyPr/>
        <a:lstStyle/>
        <a:p>
          <a:endParaRPr lang="en-US"/>
        </a:p>
      </dgm:t>
    </dgm:pt>
    <dgm:pt modelId="{BFF4D968-42F2-4306-B543-68AA72E038E7}">
      <dgm:prSet/>
      <dgm:spPr/>
      <dgm:t>
        <a:bodyPr/>
        <a:lstStyle/>
        <a:p>
          <a:r>
            <a:rPr lang="en-US" dirty="0" err="1"/>
            <a:t>Hudik</a:t>
          </a:r>
          <a:r>
            <a:rPr lang="en-US" dirty="0"/>
            <a:t> Cup 13-15 </a:t>
          </a:r>
          <a:r>
            <a:rPr lang="en-US" dirty="0" err="1"/>
            <a:t>Juni</a:t>
          </a:r>
          <a:endParaRPr lang="en-US" dirty="0"/>
        </a:p>
      </dgm:t>
    </dgm:pt>
    <dgm:pt modelId="{DECF1E00-3EFF-405E-ACE3-27399461A20A}" type="parTrans" cxnId="{9DC6D984-9C7E-4F64-9CDC-F1947042EB2F}">
      <dgm:prSet/>
      <dgm:spPr/>
      <dgm:t>
        <a:bodyPr/>
        <a:lstStyle/>
        <a:p>
          <a:endParaRPr lang="en-US"/>
        </a:p>
      </dgm:t>
    </dgm:pt>
    <dgm:pt modelId="{4F1AA69C-9E2E-4D8B-BE5A-6C7EB7E13A92}" type="sibTrans" cxnId="{9DC6D984-9C7E-4F64-9CDC-F1947042EB2F}">
      <dgm:prSet/>
      <dgm:spPr/>
      <dgm:t>
        <a:bodyPr/>
        <a:lstStyle/>
        <a:p>
          <a:endParaRPr lang="en-US"/>
        </a:p>
      </dgm:t>
    </dgm:pt>
    <dgm:pt modelId="{3D5BEF0F-469B-48D8-91AC-EFB6AFB4528D}">
      <dgm:prSet/>
      <dgm:spPr/>
      <dgm:t>
        <a:bodyPr/>
        <a:lstStyle/>
        <a:p>
          <a:r>
            <a:rPr lang="en-US" dirty="0" err="1"/>
            <a:t>Storsjöcupen</a:t>
          </a:r>
          <a:r>
            <a:rPr lang="en-US" dirty="0"/>
            <a:t> 2-5 Juli</a:t>
          </a:r>
        </a:p>
      </dgm:t>
    </dgm:pt>
    <dgm:pt modelId="{E34B6EEF-E412-4F83-A7C5-D7B71FC6D1D0}" type="parTrans" cxnId="{86AA740B-ADA3-4556-834F-45F687612FC6}">
      <dgm:prSet/>
      <dgm:spPr/>
      <dgm:t>
        <a:bodyPr/>
        <a:lstStyle/>
        <a:p>
          <a:endParaRPr lang="en-US"/>
        </a:p>
      </dgm:t>
    </dgm:pt>
    <dgm:pt modelId="{9F6D6ABE-994F-426F-9C69-2393A59A654F}" type="sibTrans" cxnId="{86AA740B-ADA3-4556-834F-45F687612FC6}">
      <dgm:prSet/>
      <dgm:spPr/>
      <dgm:t>
        <a:bodyPr/>
        <a:lstStyle/>
        <a:p>
          <a:endParaRPr lang="en-US"/>
        </a:p>
      </dgm:t>
    </dgm:pt>
    <dgm:pt modelId="{A94466C2-CB24-46F9-8C20-D5FB789841DD}" type="pres">
      <dgm:prSet presAssocID="{29B39CD0-0E7D-4790-825C-295CDA5ABE0C}" presName="root" presStyleCnt="0">
        <dgm:presLayoutVars>
          <dgm:dir/>
          <dgm:resizeHandles val="exact"/>
        </dgm:presLayoutVars>
      </dgm:prSet>
      <dgm:spPr/>
    </dgm:pt>
    <dgm:pt modelId="{0FC2C33B-C70E-4824-9171-2F95CAFB8F3D}" type="pres">
      <dgm:prSet presAssocID="{BFF4D968-42F2-4306-B543-68AA72E038E7}" presName="compNode" presStyleCnt="0"/>
      <dgm:spPr/>
    </dgm:pt>
    <dgm:pt modelId="{17CC6806-57BA-40AF-9AAA-A079EE2E818A}" type="pres">
      <dgm:prSet presAssocID="{BFF4D968-42F2-4306-B543-68AA72E038E7}" presName="bgRect" presStyleLbl="bgShp" presStyleIdx="0" presStyleCnt="2"/>
      <dgm:spPr/>
    </dgm:pt>
    <dgm:pt modelId="{702B342D-40F4-4480-A5DB-A85D33385A62}" type="pres">
      <dgm:prSet presAssocID="{BFF4D968-42F2-4306-B543-68AA72E038E7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Prispokal"/>
        </a:ext>
      </dgm:extLst>
    </dgm:pt>
    <dgm:pt modelId="{413ED0DE-A836-47C6-BACE-A300362FC3A4}" type="pres">
      <dgm:prSet presAssocID="{BFF4D968-42F2-4306-B543-68AA72E038E7}" presName="spaceRect" presStyleCnt="0"/>
      <dgm:spPr/>
    </dgm:pt>
    <dgm:pt modelId="{85B5D922-75DE-4CA3-A328-35BD3D7763D5}" type="pres">
      <dgm:prSet presAssocID="{BFF4D968-42F2-4306-B543-68AA72E038E7}" presName="parTx" presStyleLbl="revTx" presStyleIdx="0" presStyleCnt="2">
        <dgm:presLayoutVars>
          <dgm:chMax val="0"/>
          <dgm:chPref val="0"/>
        </dgm:presLayoutVars>
      </dgm:prSet>
      <dgm:spPr/>
    </dgm:pt>
    <dgm:pt modelId="{921E4106-AED7-4754-863C-610BABECDC5E}" type="pres">
      <dgm:prSet presAssocID="{4F1AA69C-9E2E-4D8B-BE5A-6C7EB7E13A92}" presName="sibTrans" presStyleCnt="0"/>
      <dgm:spPr/>
    </dgm:pt>
    <dgm:pt modelId="{5EB0E9F0-42F5-4D60-824C-3F91FA077739}" type="pres">
      <dgm:prSet presAssocID="{3D5BEF0F-469B-48D8-91AC-EFB6AFB4528D}" presName="compNode" presStyleCnt="0"/>
      <dgm:spPr/>
    </dgm:pt>
    <dgm:pt modelId="{AAF69DC6-5114-4551-AC90-ED4583B4DA7A}" type="pres">
      <dgm:prSet presAssocID="{3D5BEF0F-469B-48D8-91AC-EFB6AFB4528D}" presName="bgRect" presStyleLbl="bgShp" presStyleIdx="1" presStyleCnt="2"/>
      <dgm:spPr/>
    </dgm:pt>
    <dgm:pt modelId="{01669704-6FBE-4ECC-9896-53A1AF667A02}" type="pres">
      <dgm:prSet presAssocID="{3D5BEF0F-469B-48D8-91AC-EFB6AFB4528D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nöflinga"/>
        </a:ext>
      </dgm:extLst>
    </dgm:pt>
    <dgm:pt modelId="{270B23B3-1E71-4F31-AE8B-250FE0A765A1}" type="pres">
      <dgm:prSet presAssocID="{3D5BEF0F-469B-48D8-91AC-EFB6AFB4528D}" presName="spaceRect" presStyleCnt="0"/>
      <dgm:spPr/>
    </dgm:pt>
    <dgm:pt modelId="{ACF9497B-F6F5-4380-A1FD-41B3A6F88221}" type="pres">
      <dgm:prSet presAssocID="{3D5BEF0F-469B-48D8-91AC-EFB6AFB4528D}" presName="parTx" presStyleLbl="revTx" presStyleIdx="1" presStyleCnt="2">
        <dgm:presLayoutVars>
          <dgm:chMax val="0"/>
          <dgm:chPref val="0"/>
        </dgm:presLayoutVars>
      </dgm:prSet>
      <dgm:spPr/>
    </dgm:pt>
  </dgm:ptLst>
  <dgm:cxnLst>
    <dgm:cxn modelId="{86AA740B-ADA3-4556-834F-45F687612FC6}" srcId="{29B39CD0-0E7D-4790-825C-295CDA5ABE0C}" destId="{3D5BEF0F-469B-48D8-91AC-EFB6AFB4528D}" srcOrd="1" destOrd="0" parTransId="{E34B6EEF-E412-4F83-A7C5-D7B71FC6D1D0}" sibTransId="{9F6D6ABE-994F-426F-9C69-2393A59A654F}"/>
    <dgm:cxn modelId="{688E2E75-CC88-4A3A-B386-2B55499EF968}" type="presOf" srcId="{3D5BEF0F-469B-48D8-91AC-EFB6AFB4528D}" destId="{ACF9497B-F6F5-4380-A1FD-41B3A6F88221}" srcOrd="0" destOrd="0" presId="urn:microsoft.com/office/officeart/2018/2/layout/IconVerticalSolidList"/>
    <dgm:cxn modelId="{BB099B7B-1D19-4F0F-B6F8-F3078FC2BD9A}" type="presOf" srcId="{29B39CD0-0E7D-4790-825C-295CDA5ABE0C}" destId="{A94466C2-CB24-46F9-8C20-D5FB789841DD}" srcOrd="0" destOrd="0" presId="urn:microsoft.com/office/officeart/2018/2/layout/IconVerticalSolidList"/>
    <dgm:cxn modelId="{FF41EE82-CD90-4228-83B2-F1AD4B7539C2}" type="presOf" srcId="{BFF4D968-42F2-4306-B543-68AA72E038E7}" destId="{85B5D922-75DE-4CA3-A328-35BD3D7763D5}" srcOrd="0" destOrd="0" presId="urn:microsoft.com/office/officeart/2018/2/layout/IconVerticalSolidList"/>
    <dgm:cxn modelId="{9DC6D984-9C7E-4F64-9CDC-F1947042EB2F}" srcId="{29B39CD0-0E7D-4790-825C-295CDA5ABE0C}" destId="{BFF4D968-42F2-4306-B543-68AA72E038E7}" srcOrd="0" destOrd="0" parTransId="{DECF1E00-3EFF-405E-ACE3-27399461A20A}" sibTransId="{4F1AA69C-9E2E-4D8B-BE5A-6C7EB7E13A92}"/>
    <dgm:cxn modelId="{C3BC1942-2B45-4ED1-AA75-5994C23152C4}" type="presParOf" srcId="{A94466C2-CB24-46F9-8C20-D5FB789841DD}" destId="{0FC2C33B-C70E-4824-9171-2F95CAFB8F3D}" srcOrd="0" destOrd="0" presId="urn:microsoft.com/office/officeart/2018/2/layout/IconVerticalSolidList"/>
    <dgm:cxn modelId="{BAFF592B-AFCF-4A5B-8DA3-A4757EF0E76F}" type="presParOf" srcId="{0FC2C33B-C70E-4824-9171-2F95CAFB8F3D}" destId="{17CC6806-57BA-40AF-9AAA-A079EE2E818A}" srcOrd="0" destOrd="0" presId="urn:microsoft.com/office/officeart/2018/2/layout/IconVerticalSolidList"/>
    <dgm:cxn modelId="{8CF25A08-5CFB-437F-8A20-C795E0904A42}" type="presParOf" srcId="{0FC2C33B-C70E-4824-9171-2F95CAFB8F3D}" destId="{702B342D-40F4-4480-A5DB-A85D33385A62}" srcOrd="1" destOrd="0" presId="urn:microsoft.com/office/officeart/2018/2/layout/IconVerticalSolidList"/>
    <dgm:cxn modelId="{47D974BA-3334-4B67-B9A9-78B4976EF189}" type="presParOf" srcId="{0FC2C33B-C70E-4824-9171-2F95CAFB8F3D}" destId="{413ED0DE-A836-47C6-BACE-A300362FC3A4}" srcOrd="2" destOrd="0" presId="urn:microsoft.com/office/officeart/2018/2/layout/IconVerticalSolidList"/>
    <dgm:cxn modelId="{0819C1BC-BEA5-4725-ABCB-AA1494AF84D1}" type="presParOf" srcId="{0FC2C33B-C70E-4824-9171-2F95CAFB8F3D}" destId="{85B5D922-75DE-4CA3-A328-35BD3D7763D5}" srcOrd="3" destOrd="0" presId="urn:microsoft.com/office/officeart/2018/2/layout/IconVerticalSolidList"/>
    <dgm:cxn modelId="{76B4441C-FD36-4FC4-86FD-E7D49F6022F8}" type="presParOf" srcId="{A94466C2-CB24-46F9-8C20-D5FB789841DD}" destId="{921E4106-AED7-4754-863C-610BABECDC5E}" srcOrd="1" destOrd="0" presId="urn:microsoft.com/office/officeart/2018/2/layout/IconVerticalSolidList"/>
    <dgm:cxn modelId="{E81C206C-25CE-4457-97B0-EAFC4FC99F2E}" type="presParOf" srcId="{A94466C2-CB24-46F9-8C20-D5FB789841DD}" destId="{5EB0E9F0-42F5-4D60-824C-3F91FA077739}" srcOrd="2" destOrd="0" presId="urn:microsoft.com/office/officeart/2018/2/layout/IconVerticalSolidList"/>
    <dgm:cxn modelId="{984B7239-F844-4770-867E-CDFF71EA4C13}" type="presParOf" srcId="{5EB0E9F0-42F5-4D60-824C-3F91FA077739}" destId="{AAF69DC6-5114-4551-AC90-ED4583B4DA7A}" srcOrd="0" destOrd="0" presId="urn:microsoft.com/office/officeart/2018/2/layout/IconVerticalSolidList"/>
    <dgm:cxn modelId="{99397158-73FC-4309-AE1A-266EBA6A77F9}" type="presParOf" srcId="{5EB0E9F0-42F5-4D60-824C-3F91FA077739}" destId="{01669704-6FBE-4ECC-9896-53A1AF667A02}" srcOrd="1" destOrd="0" presId="urn:microsoft.com/office/officeart/2018/2/layout/IconVerticalSolidList"/>
    <dgm:cxn modelId="{6E7E03B4-7408-44E3-AB01-D5417C7F51C4}" type="presParOf" srcId="{5EB0E9F0-42F5-4D60-824C-3F91FA077739}" destId="{270B23B3-1E71-4F31-AE8B-250FE0A765A1}" srcOrd="2" destOrd="0" presId="urn:microsoft.com/office/officeart/2018/2/layout/IconVerticalSolidList"/>
    <dgm:cxn modelId="{C7FE4618-F69C-4C2C-AC50-C7073CEC4B9A}" type="presParOf" srcId="{5EB0E9F0-42F5-4D60-824C-3F91FA077739}" destId="{ACF9497B-F6F5-4380-A1FD-41B3A6F88221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7CC6806-57BA-40AF-9AAA-A079EE2E818A}">
      <dsp:nvSpPr>
        <dsp:cNvPr id="0" name=""/>
        <dsp:cNvSpPr/>
      </dsp:nvSpPr>
      <dsp:spPr>
        <a:xfrm>
          <a:off x="0" y="925715"/>
          <a:ext cx="6117335" cy="1709013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02B342D-40F4-4480-A5DB-A85D33385A62}">
      <dsp:nvSpPr>
        <dsp:cNvPr id="0" name=""/>
        <dsp:cNvSpPr/>
      </dsp:nvSpPr>
      <dsp:spPr>
        <a:xfrm>
          <a:off x="516976" y="1310243"/>
          <a:ext cx="939957" cy="939957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5B5D922-75DE-4CA3-A328-35BD3D7763D5}">
      <dsp:nvSpPr>
        <dsp:cNvPr id="0" name=""/>
        <dsp:cNvSpPr/>
      </dsp:nvSpPr>
      <dsp:spPr>
        <a:xfrm>
          <a:off x="1973910" y="925715"/>
          <a:ext cx="4143425" cy="170901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80871" tIns="180871" rIns="180871" bIns="180871" numCol="1" spcCol="1270" anchor="ctr" anchorCtr="0">
          <a:noAutofit/>
        </a:bodyPr>
        <a:lstStyle/>
        <a:p>
          <a:pPr marL="0" lvl="0" indent="0" algn="l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500" kern="1200" dirty="0"/>
            <a:t>2st </a:t>
          </a:r>
          <a:r>
            <a:rPr lang="en-US" sz="2500" kern="1200" dirty="0" err="1"/>
            <a:t>fasta</a:t>
          </a:r>
          <a:r>
            <a:rPr lang="en-US" sz="2500" kern="1200" dirty="0"/>
            <a:t> 9-mannalag </a:t>
          </a:r>
          <a:r>
            <a:rPr lang="en-US" sz="2500" kern="1200" dirty="0" err="1"/>
            <a:t>i</a:t>
          </a:r>
          <a:r>
            <a:rPr lang="en-US" sz="2500" kern="1200" dirty="0"/>
            <a:t> </a:t>
          </a:r>
          <a:r>
            <a:rPr lang="en-US" sz="2500" kern="1200" dirty="0" err="1"/>
            <a:t>seriespelet</a:t>
          </a:r>
          <a:endParaRPr lang="en-US" sz="2500" kern="1200" dirty="0"/>
        </a:p>
      </dsp:txBody>
      <dsp:txXfrm>
        <a:off x="1973910" y="925715"/>
        <a:ext cx="4143425" cy="1709013"/>
      </dsp:txXfrm>
    </dsp:sp>
    <dsp:sp modelId="{AAF69DC6-5114-4551-AC90-ED4583B4DA7A}">
      <dsp:nvSpPr>
        <dsp:cNvPr id="0" name=""/>
        <dsp:cNvSpPr/>
      </dsp:nvSpPr>
      <dsp:spPr>
        <a:xfrm>
          <a:off x="0" y="3107066"/>
          <a:ext cx="6117335" cy="1709013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1669704-6FBE-4ECC-9896-53A1AF667A02}">
      <dsp:nvSpPr>
        <dsp:cNvPr id="0" name=""/>
        <dsp:cNvSpPr/>
      </dsp:nvSpPr>
      <dsp:spPr>
        <a:xfrm>
          <a:off x="516976" y="3446510"/>
          <a:ext cx="939957" cy="939957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CF9497B-F6F5-4380-A1FD-41B3A6F88221}">
      <dsp:nvSpPr>
        <dsp:cNvPr id="0" name=""/>
        <dsp:cNvSpPr/>
      </dsp:nvSpPr>
      <dsp:spPr>
        <a:xfrm>
          <a:off x="1973910" y="3061982"/>
          <a:ext cx="4143425" cy="170901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80871" tIns="180871" rIns="180871" bIns="180871" numCol="1" spcCol="1270" anchor="ctr" anchorCtr="0">
          <a:noAutofit/>
        </a:bodyPr>
        <a:lstStyle/>
        <a:p>
          <a:pPr marL="0" lvl="0" indent="0" algn="l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500" kern="1200" dirty="0"/>
            <a:t>2st 5-mannalag Futsal</a:t>
          </a:r>
          <a:r>
            <a:rPr lang="en-US" sz="2500" kern="1200" baseline="0" dirty="0"/>
            <a:t> </a:t>
          </a:r>
          <a:endParaRPr lang="en-US" sz="2500" kern="1200" dirty="0"/>
        </a:p>
      </dsp:txBody>
      <dsp:txXfrm>
        <a:off x="1973910" y="3061982"/>
        <a:ext cx="4143425" cy="1709013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7CC6806-57BA-40AF-9AAA-A079EE2E818A}">
      <dsp:nvSpPr>
        <dsp:cNvPr id="0" name=""/>
        <dsp:cNvSpPr/>
      </dsp:nvSpPr>
      <dsp:spPr>
        <a:xfrm>
          <a:off x="0" y="925715"/>
          <a:ext cx="6117335" cy="1709013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02B342D-40F4-4480-A5DB-A85D33385A62}">
      <dsp:nvSpPr>
        <dsp:cNvPr id="0" name=""/>
        <dsp:cNvSpPr/>
      </dsp:nvSpPr>
      <dsp:spPr>
        <a:xfrm>
          <a:off x="516976" y="1310243"/>
          <a:ext cx="939957" cy="939957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5B5D922-75DE-4CA3-A328-35BD3D7763D5}">
      <dsp:nvSpPr>
        <dsp:cNvPr id="0" name=""/>
        <dsp:cNvSpPr/>
      </dsp:nvSpPr>
      <dsp:spPr>
        <a:xfrm>
          <a:off x="1973910" y="925715"/>
          <a:ext cx="4143425" cy="170901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80871" tIns="180871" rIns="180871" bIns="180871" numCol="1" spcCol="1270" anchor="ctr" anchorCtr="0">
          <a:noAutofit/>
        </a:bodyPr>
        <a:lstStyle/>
        <a:p>
          <a:pPr marL="0" lvl="0" indent="0" algn="l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500" kern="1200" dirty="0" err="1"/>
            <a:t>Hudik</a:t>
          </a:r>
          <a:r>
            <a:rPr lang="en-US" sz="2500" kern="1200" dirty="0"/>
            <a:t> Cup 13-15 </a:t>
          </a:r>
          <a:r>
            <a:rPr lang="en-US" sz="2500" kern="1200" dirty="0" err="1"/>
            <a:t>Juni</a:t>
          </a:r>
          <a:endParaRPr lang="en-US" sz="2500" kern="1200" dirty="0"/>
        </a:p>
      </dsp:txBody>
      <dsp:txXfrm>
        <a:off x="1973910" y="925715"/>
        <a:ext cx="4143425" cy="1709013"/>
      </dsp:txXfrm>
    </dsp:sp>
    <dsp:sp modelId="{AAF69DC6-5114-4551-AC90-ED4583B4DA7A}">
      <dsp:nvSpPr>
        <dsp:cNvPr id="0" name=""/>
        <dsp:cNvSpPr/>
      </dsp:nvSpPr>
      <dsp:spPr>
        <a:xfrm>
          <a:off x="0" y="3061982"/>
          <a:ext cx="6117335" cy="1709013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1669704-6FBE-4ECC-9896-53A1AF667A02}">
      <dsp:nvSpPr>
        <dsp:cNvPr id="0" name=""/>
        <dsp:cNvSpPr/>
      </dsp:nvSpPr>
      <dsp:spPr>
        <a:xfrm>
          <a:off x="516976" y="3446510"/>
          <a:ext cx="939957" cy="939957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CF9497B-F6F5-4380-A1FD-41B3A6F88221}">
      <dsp:nvSpPr>
        <dsp:cNvPr id="0" name=""/>
        <dsp:cNvSpPr/>
      </dsp:nvSpPr>
      <dsp:spPr>
        <a:xfrm>
          <a:off x="1973910" y="3061982"/>
          <a:ext cx="4143425" cy="170901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80871" tIns="180871" rIns="180871" bIns="180871" numCol="1" spcCol="1270" anchor="ctr" anchorCtr="0">
          <a:noAutofit/>
        </a:bodyPr>
        <a:lstStyle/>
        <a:p>
          <a:pPr marL="0" lvl="0" indent="0" algn="l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500" kern="1200" dirty="0" err="1"/>
            <a:t>Storsjöcupen</a:t>
          </a:r>
          <a:r>
            <a:rPr lang="en-US" sz="2500" kern="1200" dirty="0"/>
            <a:t> 2-5 Juli</a:t>
          </a:r>
        </a:p>
      </dsp:txBody>
      <dsp:txXfrm>
        <a:off x="1973910" y="3061982"/>
        <a:ext cx="4143425" cy="170901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4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4143427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r">
              <a:defRPr sz="1100"/>
            </a:lvl1pPr>
          </a:lstStyle>
          <a:p>
            <a:fld id="{B4AD245C-091B-44E2-BFB0-BD94217887F7}" type="datetimeFigureOut">
              <a:rPr lang="en-US" smtClean="0">
                <a:latin typeface="Arial" panose="020B0604020202020204" pitchFamily="34" charset="0"/>
              </a:rPr>
              <a:t>4/20/2026</a:t>
            </a:fld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4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4143427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r">
              <a:defRPr sz="1100"/>
            </a:lvl1pPr>
          </a:lstStyle>
          <a:p>
            <a:fld id="{9A913F39-CFF6-40F1-84D1-700840B41EAB}" type="slidenum">
              <a:rPr lang="en-US" smtClean="0">
                <a:latin typeface="Arial" panose="020B0604020202020204" pitchFamily="34" charset="0"/>
              </a:rPr>
              <a:t>‹#›</a:t>
            </a:fld>
            <a:endParaRPr lang="en-US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54813182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143589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0BA5BBE4-AEA3-489A-A28E-0C2FAF2506E3}" type="datetimeFigureOut">
              <a:rPr lang="en-US" smtClean="0"/>
              <a:pPr/>
              <a:t>4/20/2026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58788" y="720725"/>
            <a:ext cx="6397625" cy="359886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8478" tIns="49238" rIns="98478" bIns="49238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31520" y="4560571"/>
            <a:ext cx="5852160" cy="4320540"/>
          </a:xfrm>
          <a:prstGeom prst="rect">
            <a:avLst/>
          </a:prstGeom>
        </p:spPr>
        <p:txBody>
          <a:bodyPr vert="horz" lIns="98478" tIns="49238" rIns="98478" bIns="49238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143589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0F4A2C8-6C88-4E71-83EE-698B9D4FE22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4730299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09585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1917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828754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438339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047924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7509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7093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6678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.xml"/><Relationship Id="rId4" Type="http://schemas.openxmlformats.org/officeDocument/2006/relationships/image" Target="../media/image1.emf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Relationship Id="rId4" Type="http://schemas.openxmlformats.org/officeDocument/2006/relationships/image" Target="../media/image1.emf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Relationship Id="rId4" Type="http://schemas.openxmlformats.org/officeDocument/2006/relationships/image" Target="../media/image1.emf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4" Type="http://schemas.openxmlformats.org/officeDocument/2006/relationships/image" Target="../media/image1.emf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4" Type="http://schemas.openxmlformats.org/officeDocument/2006/relationships/image" Target="../media/image1.emf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4" Type="http://schemas.openxmlformats.org/officeDocument/2006/relationships/image" Target="../media/image1.emf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Relationship Id="rId4" Type="http://schemas.openxmlformats.org/officeDocument/2006/relationships/image" Target="../media/image1.emf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Relationship Id="rId4" Type="http://schemas.openxmlformats.org/officeDocument/2006/relationships/image" Target="../media/image1.emf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Relationship Id="rId4" Type="http://schemas.openxmlformats.org/officeDocument/2006/relationships/image" Target="../media/image1.emf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Relationship Id="rId4" Type="http://schemas.openxmlformats.org/officeDocument/2006/relationships/image" Target="../media/image1.emf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Relationship Id="rId4" Type="http://schemas.openxmlformats.org/officeDocument/2006/relationships/image" Target="../media/image1.emf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Relationship Id="rId4" Type="http://schemas.openxmlformats.org/officeDocument/2006/relationships/image" Target="../media/image1.emf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Relationship Id="rId4" Type="http://schemas.openxmlformats.org/officeDocument/2006/relationships/image" Target="../media/image1.emf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Relationship Id="rId4" Type="http://schemas.openxmlformats.org/officeDocument/2006/relationships/image" Target="../media/image1.emf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Relationship Id="rId4" Type="http://schemas.openxmlformats.org/officeDocument/2006/relationships/image" Target="../media/image1.emf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03504" y="770467"/>
            <a:ext cx="10782300" cy="3352800"/>
          </a:xfrm>
        </p:spPr>
        <p:txBody>
          <a:bodyPr anchor="b">
            <a:noAutofit/>
          </a:bodyPr>
          <a:lstStyle>
            <a:lvl1pPr algn="l">
              <a:lnSpc>
                <a:spcPct val="80000"/>
              </a:lnSpc>
              <a:defRPr sz="8800" spc="-120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67512" y="4206876"/>
            <a:ext cx="9228201" cy="1645920"/>
          </a:xfrm>
        </p:spPr>
        <p:txBody>
          <a:bodyPr>
            <a:normAutofit/>
          </a:bodyPr>
          <a:lstStyle>
            <a:lvl1pPr marL="0" indent="0" algn="l">
              <a:buNone/>
              <a:defRPr sz="3200">
                <a:solidFill>
                  <a:schemeClr val="tx1"/>
                </a:solidFill>
                <a:latin typeface="+mj-lt"/>
              </a:defRPr>
            </a:lvl1pPr>
            <a:lvl2pPr marL="457200" indent="0" algn="ctr">
              <a:buNone/>
              <a:defRPr sz="2800"/>
            </a:lvl2pPr>
            <a:lvl3pPr marL="914400" indent="0" algn="ctr">
              <a:buNone/>
              <a:defRPr sz="2400"/>
            </a:lvl3pPr>
            <a:lvl4pPr marL="1371600" indent="0" algn="ctr">
              <a:buNone/>
              <a:defRPr sz="2000"/>
            </a:lvl4pPr>
            <a:lvl5pPr marL="1828800" indent="0" algn="ctr">
              <a:buNone/>
              <a:defRPr sz="2000"/>
            </a:lvl5pPr>
            <a:lvl6pPr marL="2286000" indent="0" algn="ctr">
              <a:buNone/>
              <a:defRPr sz="2000"/>
            </a:lvl6pPr>
            <a:lvl7pPr marL="2743200" indent="0" algn="ctr">
              <a:buNone/>
              <a:defRPr sz="2000"/>
            </a:lvl7pPr>
            <a:lvl8pPr marL="3200400" indent="0" algn="ctr">
              <a:buNone/>
              <a:defRPr sz="2000"/>
            </a:lvl8pPr>
            <a:lvl9pPr marL="3657600" indent="0" algn="ctr">
              <a:buNone/>
              <a:defRPr sz="2000"/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BA009A7-054C-47EE-B7EB-85C3DB4A7C14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2797739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E54FE75-6A07-47FF-A71B-1E0A4766F720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4969658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743950" y="695325"/>
            <a:ext cx="2628900" cy="4800600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771525" y="714375"/>
            <a:ext cx="7734300" cy="5400675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99D0642-D3A1-4493-9C02-ADB5DE2E33FC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36427713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, subtitle,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54AD4D43-3315-8098-AB60-0D1E2B6691F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8703564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54AD4D43-3315-8098-AB60-0D1E2B6691F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3" name="Content Placeholder 3"/>
          <p:cNvSpPr>
            <a:spLocks noGrp="1"/>
          </p:cNvSpPr>
          <p:nvPr>
            <p:ph sz="quarter" idx="10"/>
          </p:nvPr>
        </p:nvSpPr>
        <p:spPr>
          <a:xfrm>
            <a:off x="450000" y="1712894"/>
            <a:ext cx="5508000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/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/>
          </p:nvPr>
        </p:nvSpPr>
        <p:spPr>
          <a:xfrm>
            <a:off x="6246000" y="1712894"/>
            <a:ext cx="5508000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/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ADD490B8-B418-78D3-2E0B-461A61F706D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rgbClr val="53565B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8333EA7F-716E-CA3B-831D-4E6ADC7C218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5646379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ack Page Image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8">
            <a:extLst>
              <a:ext uri="{FF2B5EF4-FFF2-40B4-BE49-F238E27FC236}">
                <a16:creationId xmlns:a16="http://schemas.microsoft.com/office/drawing/2014/main" id="{DEF77F0F-DE6A-48C9-92BD-013174DD643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 noProof="0"/>
              <a:t>Click icon to add picture</a:t>
            </a:r>
            <a:endParaRPr lang="sv-SE" noProof="0" dirty="0"/>
          </a:p>
        </p:txBody>
      </p:sp>
      <p:sp>
        <p:nvSpPr>
          <p:cNvPr id="28" name="Text Placeholder 4">
            <a:extLst>
              <a:ext uri="{FF2B5EF4-FFF2-40B4-BE49-F238E27FC236}">
                <a16:creationId xmlns:a16="http://schemas.microsoft.com/office/drawing/2014/main" id="{7843742C-26CB-411F-8564-50309241988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49999" y="6373749"/>
            <a:ext cx="4464000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+mj-lt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</p:txBody>
      </p:sp>
      <p:sp>
        <p:nvSpPr>
          <p:cNvPr id="29" name="Title 1">
            <a:extLst>
              <a:ext uri="{FF2B5EF4-FFF2-40B4-BE49-F238E27FC236}">
                <a16:creationId xmlns:a16="http://schemas.microsoft.com/office/drawing/2014/main" id="{A7C729B7-24CD-4887-BCB2-9B9E69736AAE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50000" y="5186209"/>
            <a:ext cx="4446269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3"/>
                </a:solidFill>
                <a:latin typeface="+mj-lt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sv-SE" noProof="0"/>
              <a:t>Click to edit Master title style</a:t>
            </a:r>
            <a:endParaRPr lang="sv-SE" noProof="0" dirty="0"/>
          </a:p>
        </p:txBody>
      </p:sp>
      <p:pic>
        <p:nvPicPr>
          <p:cNvPr id="592163072" name="image" descr="{&quot;templafy&quot;:{&quot;id&quot;:&quot;d1c625b4-2c89-4e76-acc2-83dd18764ef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5200" y="464399"/>
            <a:ext cx="2012400" cy="8808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967019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Green">
    <p:bg bwMode="gray"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D903953-236A-7A85-C86D-21E60D82676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596067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D903953-236A-7A85-C86D-21E60D82676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vert="horz"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sv-SE" noProof="0"/>
              <a:t>Click to edit Master title style</a:t>
            </a:r>
            <a:endParaRPr lang="sv-SE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tx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 noProof="0"/>
              <a:t>Click to edit Master text styles</a:t>
            </a:r>
            <a:endParaRPr lang="sv-SE"/>
          </a:p>
        </p:txBody>
      </p:sp>
      <p:sp>
        <p:nvSpPr>
          <p:cNvPr id="4" name="CaseCode">
            <a:extLst>
              <a:ext uri="{FF2B5EF4-FFF2-40B4-BE49-F238E27FC236}">
                <a16:creationId xmlns:a16="http://schemas.microsoft.com/office/drawing/2014/main" id="{1BDC0FDC-0D9A-61CF-95C8-4BC8540608B8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5" name="Copyright" descr="{&quot;templafy&quot;:{&quot;id&quot;:&quot;9d32fa7e-1168-4e42-928f-1fe8dc913157&quot;}}">
            <a:extLst>
              <a:ext uri="{FF2B5EF4-FFF2-40B4-BE49-F238E27FC236}">
                <a16:creationId xmlns:a16="http://schemas.microsoft.com/office/drawing/2014/main" id="{62398D06-C488-9DDB-E248-1C4BC1724227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© 2025 Deloitte AB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CCA4DFC-A5BD-1CA7-953A-4298BCF3311A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18628458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Accessible Green">
    <p:bg bwMode="gray"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D903953-236A-7A85-C86D-21E60D82676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596067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D903953-236A-7A85-C86D-21E60D82676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vert="horz"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sv-SE" noProof="0"/>
              <a:t>Click to edit Master title style</a:t>
            </a:r>
            <a:endParaRPr lang="sv-SE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 noProof="0"/>
              <a:t>Click to edit Master text styles</a:t>
            </a:r>
            <a:endParaRPr lang="sv-SE"/>
          </a:p>
        </p:txBody>
      </p:sp>
      <p:sp>
        <p:nvSpPr>
          <p:cNvPr id="4" name="CaseCode">
            <a:extLst>
              <a:ext uri="{FF2B5EF4-FFF2-40B4-BE49-F238E27FC236}">
                <a16:creationId xmlns:a16="http://schemas.microsoft.com/office/drawing/2014/main" id="{1BDC0FDC-0D9A-61CF-95C8-4BC8540608B8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bg1"/>
                </a:solidFill>
                <a:latin typeface="+mn-lt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CCA4DFC-A5BD-1CA7-953A-4298BCF3311A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bg1"/>
                </a:solidFill>
                <a:latin typeface="+mn-lt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bg1"/>
              </a:solidFill>
              <a:latin typeface="+mn-lt"/>
              <a:cs typeface="Calibri" panose="020F0502020204030204" pitchFamily="34" charset="0"/>
            </a:endParaRPr>
          </a:p>
        </p:txBody>
      </p:sp>
      <p:sp>
        <p:nvSpPr>
          <p:cNvPr id="7" name="Copyright" descr="{&quot;templafy&quot;:{&quot;id&quot;:&quot;8f436200-9bd8-4b55-a968-1425df611dec&quot;}}">
            <a:extLst>
              <a:ext uri="{FF2B5EF4-FFF2-40B4-BE49-F238E27FC236}">
                <a16:creationId xmlns:a16="http://schemas.microsoft.com/office/drawing/2014/main" id="{C9DA7256-D510-92DC-2C86-BADDCDF98344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rgbClr val="FFFFFF"/>
                </a:solidFill>
                <a:latin typeface="+mn-lt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52197157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Accessible Teal">
    <p:bg bwMode="gray"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sv-SE" noProof="0"/>
              <a:t>Click to edit Master title style</a:t>
            </a:r>
            <a:endParaRPr lang="sv-SE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 noProof="0"/>
              <a:t>Click to edit Master text styles</a:t>
            </a:r>
            <a:endParaRPr lang="sv-SE"/>
          </a:p>
        </p:txBody>
      </p:sp>
      <p:sp>
        <p:nvSpPr>
          <p:cNvPr id="4" name="CaseCode">
            <a:extLst>
              <a:ext uri="{FF2B5EF4-FFF2-40B4-BE49-F238E27FC236}">
                <a16:creationId xmlns:a16="http://schemas.microsoft.com/office/drawing/2014/main" id="{0B944744-9AF8-6F57-762F-A053E0C75A9F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bg1"/>
                </a:solidFill>
                <a:latin typeface="+mn-lt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7D898DC-2E31-6A58-EC79-6DD0ED09A0D8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bg1"/>
                </a:solidFill>
                <a:latin typeface="+mn-lt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bg1"/>
              </a:solidFill>
              <a:latin typeface="+mn-lt"/>
              <a:cs typeface="Calibri" panose="020F0502020204030204" pitchFamily="34" charset="0"/>
            </a:endParaRPr>
          </a:p>
        </p:txBody>
      </p:sp>
      <p:sp>
        <p:nvSpPr>
          <p:cNvPr id="7" name="Copyright" descr="{&quot;templafy&quot;:{&quot;id&quot;:&quot;b0e5412d-c632-4ea2-ae21-5839add9ec17&quot;}}">
            <a:extLst>
              <a:ext uri="{FF2B5EF4-FFF2-40B4-BE49-F238E27FC236}">
                <a16:creationId xmlns:a16="http://schemas.microsoft.com/office/drawing/2014/main" id="{7F726BD5-32D1-0C8B-8B78-0C130D87BDB9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rgbClr val="FFFFFF"/>
                </a:solidFill>
                <a:latin typeface="+mn-lt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217933488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Accessible Blue">
    <p:bg bwMode="gray"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sv-SE" noProof="0"/>
              <a:t>Click to edit Master title style</a:t>
            </a:r>
            <a:endParaRPr lang="sv-SE" noProof="0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 noProof="0"/>
              <a:t>Click to edit Master text styles</a:t>
            </a:r>
            <a:endParaRPr lang="sv-SE"/>
          </a:p>
        </p:txBody>
      </p:sp>
      <p:sp>
        <p:nvSpPr>
          <p:cNvPr id="2" name="CaseCode">
            <a:extLst>
              <a:ext uri="{FF2B5EF4-FFF2-40B4-BE49-F238E27FC236}">
                <a16:creationId xmlns:a16="http://schemas.microsoft.com/office/drawing/2014/main" id="{93E04509-01E9-4BE4-AE15-9290E9B2F0D8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bg1"/>
                </a:solidFill>
                <a:latin typeface="+mn-lt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656F94D-2DC7-60DE-BF1B-B69859E827D9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bg1"/>
                </a:solidFill>
                <a:latin typeface="+mn-lt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bg1"/>
              </a:solidFill>
              <a:latin typeface="+mn-lt"/>
              <a:cs typeface="Calibri" panose="020F0502020204030204" pitchFamily="34" charset="0"/>
            </a:endParaRPr>
          </a:p>
        </p:txBody>
      </p:sp>
      <p:sp>
        <p:nvSpPr>
          <p:cNvPr id="5" name="Copyright" descr="{&quot;templafy&quot;:{&quot;id&quot;:&quot;3225b5fd-6b46-4f1c-a430-b057817ceaca&quot;}}">
            <a:extLst>
              <a:ext uri="{FF2B5EF4-FFF2-40B4-BE49-F238E27FC236}">
                <a16:creationId xmlns:a16="http://schemas.microsoft.com/office/drawing/2014/main" id="{1B08B9FD-6C5B-A161-D2D5-7A82E9DB3DB5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rgbClr val="FFFFFF"/>
                </a:solidFill>
                <a:latin typeface="+mn-lt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20548200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D903953-236A-7A85-C86D-21E60D82676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596067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D903953-236A-7A85-C86D-21E60D82676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vert="horz"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sv-SE" noProof="0"/>
              <a:t>Click to edit Master title style</a:t>
            </a:r>
            <a:endParaRPr lang="sv-SE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 noProof="0"/>
              <a:t>Click to edit Master text styles</a:t>
            </a:r>
            <a:endParaRPr lang="sv-SE"/>
          </a:p>
        </p:txBody>
      </p:sp>
      <p:sp>
        <p:nvSpPr>
          <p:cNvPr id="4" name="CaseCode">
            <a:extLst>
              <a:ext uri="{FF2B5EF4-FFF2-40B4-BE49-F238E27FC236}">
                <a16:creationId xmlns:a16="http://schemas.microsoft.com/office/drawing/2014/main" id="{1BDC0FDC-0D9A-61CF-95C8-4BC8540608B8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bg1"/>
                </a:solidFill>
                <a:latin typeface="+mn-lt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CCA4DFC-A5BD-1CA7-953A-4298BCF3311A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bg1"/>
                </a:solidFill>
                <a:latin typeface="+mn-lt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bg1"/>
              </a:solidFill>
              <a:latin typeface="+mn-lt"/>
              <a:cs typeface="Calibri" panose="020F0502020204030204" pitchFamily="34" charset="0"/>
            </a:endParaRPr>
          </a:p>
        </p:txBody>
      </p:sp>
      <p:sp>
        <p:nvSpPr>
          <p:cNvPr id="7" name="Copyright" descr="{&quot;templafy&quot;:{&quot;id&quot;:&quot;29409f92-e03f-4e16-b455-cb619ea8cb11&quot;}}">
            <a:extLst>
              <a:ext uri="{FF2B5EF4-FFF2-40B4-BE49-F238E27FC236}">
                <a16:creationId xmlns:a16="http://schemas.microsoft.com/office/drawing/2014/main" id="{8193DA32-ECFC-82C3-679D-D0FF934F1F2A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rgbClr val="FFFFFF"/>
                </a:solidFill>
                <a:latin typeface="+mn-lt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303402232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2AA0174D-B09C-4960-94D1-79FD4D04BDF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 noProof="0"/>
              <a:t>Click icon to add picture</a:t>
            </a:r>
            <a:endParaRPr lang="sv-SE" noProof="0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696C364-9ED6-42C4-8FC2-1F9C6CB1656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450000" y="366547"/>
            <a:ext cx="5465380" cy="484791"/>
          </a:xfrm>
        </p:spPr>
        <p:txBody>
          <a:bodyPr>
            <a:noAutofit/>
          </a:bodyPr>
          <a:lstStyle>
            <a:lvl1pPr>
              <a:defRPr sz="3200" b="1">
                <a:latin typeface="+mj-lt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sv-SE" dirty="0"/>
              <a:t>Click to edit Master text styles</a:t>
            </a:r>
            <a:endParaRPr lang="sv-SE"/>
          </a:p>
        </p:txBody>
      </p:sp>
      <p:sp>
        <p:nvSpPr>
          <p:cNvPr id="6" name="Text Placeholder 4">
            <a:extLst>
              <a:ext uri="{FF2B5EF4-FFF2-40B4-BE49-F238E27FC236}">
                <a16:creationId xmlns:a16="http://schemas.microsoft.com/office/drawing/2014/main" id="{AD421831-C244-4DE0-8DE2-755D7D7315B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50000" y="851339"/>
            <a:ext cx="5465380" cy="863162"/>
          </a:xfrm>
        </p:spPr>
        <p:txBody>
          <a:bodyPr>
            <a:noAutofit/>
          </a:bodyPr>
          <a:lstStyle>
            <a:lvl1pPr>
              <a:defRPr sz="3200" b="0">
                <a:latin typeface="+mj-lt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sv-SE" dirty="0"/>
              <a:t>Click to edit Master text styles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810434128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83F303C-F0B2-4824-99B2-978F18C7E5EA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0248115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68886373"/>
      </p:ext>
    </p:extLst>
  </p:cSld>
  <p:clrMapOvr>
    <a:masterClrMapping/>
  </p:clrMapOvr>
  <p:transition>
    <p:fad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FB05972C-4EB5-02E5-D3B3-796AF5ABC9A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067857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B05972C-4EB5-02E5-D3B3-796AF5ABC9A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ext Placeholder 8">
            <a:extLst>
              <a:ext uri="{FF2B5EF4-FFF2-40B4-BE49-F238E27FC236}">
                <a16:creationId xmlns:a16="http://schemas.microsoft.com/office/drawing/2014/main" id="{8A9CD2DA-AA83-4DCB-8501-DE5878CC0B8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rgbClr val="53565B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2567164D-98D6-14DE-1654-8043100211A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29820988"/>
      </p:ext>
    </p:extLst>
  </p:cSld>
  <p:clrMapOvr>
    <a:masterClrMapping/>
  </p:clrMapOvr>
  <p:transition>
    <p:fade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, 1 column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CF85DDA7-785E-780B-BC9A-4216E2C1F39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81847655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F85DDA7-785E-780B-BC9A-4216E2C1F39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463DAA5C-077F-FE00-63CE-03BEF637C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rgbClr val="53565B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06929E50-6BC7-6A16-7F97-75FA3937A2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6" name="Text Placeholder 18">
            <a:extLst>
              <a:ext uri="{FF2B5EF4-FFF2-40B4-BE49-F238E27FC236}">
                <a16:creationId xmlns:a16="http://schemas.microsoft.com/office/drawing/2014/main" id="{7A91D16B-BB64-A40E-E0AF-EBC7EE7F2F0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0000" y="1714499"/>
            <a:ext cx="11304000" cy="4644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200"/>
              </a:spcBef>
              <a:spcAft>
                <a:spcPts val="200"/>
              </a:spcAft>
              <a:defRPr/>
            </a:lvl1pPr>
            <a:lvl2pPr>
              <a:spcBef>
                <a:spcPts val="200"/>
              </a:spcBef>
              <a:spcAft>
                <a:spcPts val="200"/>
              </a:spcAft>
              <a:defRPr/>
            </a:lvl2pPr>
            <a:lvl3pPr>
              <a:spcBef>
                <a:spcPts val="200"/>
              </a:spcBef>
              <a:spcAft>
                <a:spcPts val="200"/>
              </a:spcAft>
              <a:defRPr/>
            </a:lvl3pPr>
            <a:lvl4pPr>
              <a:spcBef>
                <a:spcPts val="200"/>
              </a:spcBef>
              <a:spcAft>
                <a:spcPts val="200"/>
              </a:spcAft>
              <a:defRPr/>
            </a:lvl4pPr>
            <a:lvl5pPr>
              <a:spcBef>
                <a:spcPts val="200"/>
              </a:spcBef>
              <a:spcAft>
                <a:spcPts val="200"/>
              </a:spcAft>
              <a:defRPr/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175945596"/>
      </p:ext>
    </p:extLst>
  </p:cSld>
  <p:clrMapOvr>
    <a:masterClrMapping/>
  </p:clrMapOvr>
  <p:transition>
    <p:fade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,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A63C211-FBF0-0771-BE99-47E7028BD22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7599742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A63C211-FBF0-0771-BE99-47E7028BD22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FED540D-3BF1-4047-9D69-9C3EB9B9455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50000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/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3" name="Text Placeholder 8">
            <a:extLst>
              <a:ext uri="{FF2B5EF4-FFF2-40B4-BE49-F238E27FC236}">
                <a16:creationId xmlns:a16="http://schemas.microsoft.com/office/drawing/2014/main" id="{8B191C74-910B-0CFC-9067-143443C4A2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rgbClr val="53565B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9F0BB36C-DE52-CFD5-6483-3AF9FFFA10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CF857E55-4828-A256-F67F-37E4E75E229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327048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/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495ED2B-E3BF-3456-BD7E-366BCEB61955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8204096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/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927720829"/>
      </p:ext>
    </p:extLst>
  </p:cSld>
  <p:clrMapOvr>
    <a:masterClrMapping/>
  </p:clrMapOvr>
  <p:transition>
    <p:fade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,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C18030CB-8A1E-7879-CA68-10EA5C7AECB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9286007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18030CB-8A1E-7879-CA68-10EA5C7AECB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93F994E-D5B3-4236-9E8D-771F764DB8E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50000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+mn-lt"/>
              </a:defRPr>
            </a:lvl1pPr>
            <a:lvl2pPr marL="10477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+mj-lt"/>
              </a:defRPr>
            </a:lvl2pPr>
            <a:lvl3pPr marL="22860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+mn-lt"/>
              </a:defRPr>
            </a:lvl3pPr>
            <a:lvl4pPr marL="35242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+mn-lt"/>
              </a:defRPr>
            </a:lvl4pPr>
            <a:lvl5pPr marL="47625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</a:lstStyle>
          <a:p>
            <a:pPr lvl="0"/>
            <a:r>
              <a:rPr lang="sv-SE" noProof="0"/>
              <a:t>Click to edit Master text styles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 noProof="0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66C1C52B-7D74-06BE-C3B3-ED2F2596A87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3322994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+mn-lt"/>
              </a:defRPr>
            </a:lvl1pPr>
            <a:lvl2pPr marL="10477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+mj-lt"/>
              </a:defRPr>
            </a:lvl2pPr>
            <a:lvl3pPr marL="22860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+mn-lt"/>
              </a:defRPr>
            </a:lvl3pPr>
            <a:lvl4pPr marL="35242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+mn-lt"/>
              </a:defRPr>
            </a:lvl4pPr>
            <a:lvl5pPr marL="47625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</a:lstStyle>
          <a:p>
            <a:pPr lvl="0"/>
            <a:r>
              <a:rPr lang="sv-SE" noProof="0"/>
              <a:t>Click to edit Master text styles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 noProof="0" dirty="0"/>
          </a:p>
        </p:txBody>
      </p:sp>
      <p:sp>
        <p:nvSpPr>
          <p:cNvPr id="5" name="Content Placeholder 3">
            <a:extLst>
              <a:ext uri="{FF2B5EF4-FFF2-40B4-BE49-F238E27FC236}">
                <a16:creationId xmlns:a16="http://schemas.microsoft.com/office/drawing/2014/main" id="{6A683BB7-E6EB-C2E9-3FCA-D699A39C7127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6195988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+mn-lt"/>
              </a:defRPr>
            </a:lvl1pPr>
            <a:lvl2pPr marL="10477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+mj-lt"/>
              </a:defRPr>
            </a:lvl2pPr>
            <a:lvl3pPr marL="22860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+mn-lt"/>
              </a:defRPr>
            </a:lvl3pPr>
            <a:lvl4pPr marL="35242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+mn-lt"/>
              </a:defRPr>
            </a:lvl4pPr>
            <a:lvl5pPr marL="47625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</a:lstStyle>
          <a:p>
            <a:pPr lvl="0"/>
            <a:r>
              <a:rPr lang="sv-SE" noProof="0"/>
              <a:t>Click to edit Master text styles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 noProof="0" dirty="0"/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0D39A810-CF4D-8CC1-23AA-003EFA30A76F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9068982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+mn-lt"/>
              </a:defRPr>
            </a:lvl1pPr>
            <a:lvl2pPr marL="10477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+mj-lt"/>
              </a:defRPr>
            </a:lvl2pPr>
            <a:lvl3pPr marL="22860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+mn-lt"/>
              </a:defRPr>
            </a:lvl3pPr>
            <a:lvl4pPr marL="35242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+mn-lt"/>
              </a:defRPr>
            </a:lvl4pPr>
            <a:lvl5pPr marL="47625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</a:lstStyle>
          <a:p>
            <a:pPr lvl="0"/>
            <a:r>
              <a:rPr lang="sv-SE" noProof="0"/>
              <a:t>Click to edit Master text styles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 noProof="0" dirty="0"/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FB60B513-6C68-425A-86AC-3FC42F4B2B1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rgbClr val="53565B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D9257AFC-2713-6B3B-F635-37B6D88CC3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379672775"/>
      </p:ext>
    </p:extLst>
  </p:cSld>
  <p:clrMapOvr>
    <a:masterClrMapping/>
  </p:clrMapOvr>
  <p:transition>
    <p:fade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7" name="think-cell data - do not delete" hidden="1">
            <a:extLst>
              <a:ext uri="{FF2B5EF4-FFF2-40B4-BE49-F238E27FC236}">
                <a16:creationId xmlns:a16="http://schemas.microsoft.com/office/drawing/2014/main" id="{F484570F-AB85-4401-FAD0-3C8AAB53FCC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0889327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1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484570F-AB85-4401-FAD0-3C8AAB53FCC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Picture Placeholder 11">
            <a:extLst>
              <a:ext uri="{FF2B5EF4-FFF2-40B4-BE49-F238E27FC236}">
                <a16:creationId xmlns:a16="http://schemas.microsoft.com/office/drawing/2014/main" id="{0D8F34B8-DFAD-6DD7-E1A1-4572B7969DD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50000" y="1880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3" name="Picture Placeholder 11">
            <a:extLst>
              <a:ext uri="{FF2B5EF4-FFF2-40B4-BE49-F238E27FC236}">
                <a16:creationId xmlns:a16="http://schemas.microsoft.com/office/drawing/2014/main" id="{90D3C277-40A7-31AF-87D8-848A84CDC70C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6256583" y="1880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4" name="Picture Placeholder 11">
            <a:extLst>
              <a:ext uri="{FF2B5EF4-FFF2-40B4-BE49-F238E27FC236}">
                <a16:creationId xmlns:a16="http://schemas.microsoft.com/office/drawing/2014/main" id="{6B0BFB5D-1E54-FF08-195B-949B6341E16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50000" y="4256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5" name="Picture Placeholder 11">
            <a:extLst>
              <a:ext uri="{FF2B5EF4-FFF2-40B4-BE49-F238E27FC236}">
                <a16:creationId xmlns:a16="http://schemas.microsoft.com/office/drawing/2014/main" id="{B70C4541-64E0-0D36-F531-9180AEBAADA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6256583" y="4256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6" name="Text Placeholder 12">
            <a:extLst>
              <a:ext uri="{FF2B5EF4-FFF2-40B4-BE49-F238E27FC236}">
                <a16:creationId xmlns:a16="http://schemas.microsoft.com/office/drawing/2014/main" id="{4FC28274-B484-ADCB-6FAD-CD816034B792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2104052" y="1880213"/>
            <a:ext cx="38461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1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sv-SE" dirty="0"/>
              <a:t>Click to edit Master text styles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9D3FBE01-C9A4-F88D-C153-2816D6207A4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7907900" y="1880213"/>
            <a:ext cx="38461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1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sv-SE"/>
              <a:t>Click to edit Master text styles</a:t>
            </a:r>
          </a:p>
          <a:p>
            <a:pPr lvl="1"/>
            <a:r>
              <a:rPr lang="sv-SE"/>
              <a:t>Second level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7004DE48-1AC3-4F21-0968-B38909044342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2104051" y="4256213"/>
            <a:ext cx="3824765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1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sv-SE"/>
              <a:t>Click to edit Master text styles</a:t>
            </a:r>
          </a:p>
          <a:p>
            <a:pPr lvl="1"/>
            <a:r>
              <a:rPr lang="sv-SE"/>
              <a:t>Second level</a:t>
            </a:r>
          </a:p>
        </p:txBody>
      </p:sp>
      <p:sp>
        <p:nvSpPr>
          <p:cNvPr id="9" name="Text Placeholder 12">
            <a:extLst>
              <a:ext uri="{FF2B5EF4-FFF2-40B4-BE49-F238E27FC236}">
                <a16:creationId xmlns:a16="http://schemas.microsoft.com/office/drawing/2014/main" id="{684A23D9-9F8C-5A70-1B87-0DD004B8D96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7905645" y="4256213"/>
            <a:ext cx="3848355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1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sv-SE"/>
              <a:t>Click to edit Master text styles</a:t>
            </a:r>
          </a:p>
          <a:p>
            <a:pPr lvl="1"/>
            <a:r>
              <a:rPr lang="sv-SE"/>
              <a:t>Second level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B1455C2-E21F-06D2-DADD-7FD7A0C6A036}"/>
              </a:ext>
            </a:extLst>
          </p:cNvPr>
          <p:cNvSpPr/>
          <p:nvPr userDrawn="1"/>
        </p:nvSpPr>
        <p:spPr>
          <a:xfrm>
            <a:off x="6256583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6B116F3-3D63-C235-3E40-D7EA6B934CF2}"/>
              </a:ext>
            </a:extLst>
          </p:cNvPr>
          <p:cNvSpPr/>
          <p:nvPr userDrawn="1"/>
        </p:nvSpPr>
        <p:spPr>
          <a:xfrm>
            <a:off x="450000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F46C436-A721-2D60-1AEA-13F0DD3A9223}"/>
              </a:ext>
            </a:extLst>
          </p:cNvPr>
          <p:cNvSpPr/>
          <p:nvPr userDrawn="1"/>
        </p:nvSpPr>
        <p:spPr>
          <a:xfrm>
            <a:off x="6256583" y="4044901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62ED75E-FA16-E5BA-B5F1-A58E06F1A408}"/>
              </a:ext>
            </a:extLst>
          </p:cNvPr>
          <p:cNvSpPr/>
          <p:nvPr userDrawn="1"/>
        </p:nvSpPr>
        <p:spPr>
          <a:xfrm>
            <a:off x="450000" y="4044901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67D2A86E-3485-4064-F11B-592641772D4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rgbClr val="53565B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15" name="Title Placeholder 1">
            <a:extLst>
              <a:ext uri="{FF2B5EF4-FFF2-40B4-BE49-F238E27FC236}">
                <a16:creationId xmlns:a16="http://schemas.microsoft.com/office/drawing/2014/main" id="{E96810A4-9AE7-5408-F486-24386EEDA4C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704926054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lifications 2 x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7338C8E8-5CC7-2DA0-0253-B90F98C6FD3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4647179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338C8E8-5CC7-2DA0-0253-B90F98C6FD3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Rectangle 11">
            <a:extLst>
              <a:ext uri="{FF2B5EF4-FFF2-40B4-BE49-F238E27FC236}">
                <a16:creationId xmlns:a16="http://schemas.microsoft.com/office/drawing/2014/main" id="{DD670E7F-2D5F-E74D-FF59-5BD6C5BC34F1}"/>
              </a:ext>
            </a:extLst>
          </p:cNvPr>
          <p:cNvSpPr/>
          <p:nvPr userDrawn="1"/>
        </p:nvSpPr>
        <p:spPr>
          <a:xfrm>
            <a:off x="6256583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CD4E13F-35DC-E442-82C0-9B5EE61D2906}"/>
              </a:ext>
            </a:extLst>
          </p:cNvPr>
          <p:cNvSpPr/>
          <p:nvPr userDrawn="1"/>
        </p:nvSpPr>
        <p:spPr>
          <a:xfrm>
            <a:off x="450000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20" name="Picture Placeholder 11">
            <a:extLst>
              <a:ext uri="{FF2B5EF4-FFF2-40B4-BE49-F238E27FC236}">
                <a16:creationId xmlns:a16="http://schemas.microsoft.com/office/drawing/2014/main" id="{32DA993B-B409-E5C0-E8A1-3920C08FA402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4480531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21" name="Picture Placeholder 11">
            <a:extLst>
              <a:ext uri="{FF2B5EF4-FFF2-40B4-BE49-F238E27FC236}">
                <a16:creationId xmlns:a16="http://schemas.microsoft.com/office/drawing/2014/main" id="{9EA35630-FAAB-0992-9BD2-E2CF77317F5E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0268918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F362A436-16E9-8D92-CE75-CF090274A98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rgbClr val="53565B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3" name="Title Placeholder 1">
            <a:extLst>
              <a:ext uri="{FF2B5EF4-FFF2-40B4-BE49-F238E27FC236}">
                <a16:creationId xmlns:a16="http://schemas.microsoft.com/office/drawing/2014/main" id="{1CE7ED7B-D3F7-0C2D-3D7F-23B03A315CF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4A6BC76D-8B27-508E-2FA1-4B668FF32EE7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449999" y="3498336"/>
            <a:ext cx="5506532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sv-SE" dirty="0"/>
              <a:t>Click to edit Master text styles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9C91076D-2B86-9AF3-18AC-3BF3B0940503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6247468" y="3498336"/>
            <a:ext cx="5506532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sv-SE" dirty="0"/>
              <a:t>Click to edit Master text styles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165002499"/>
      </p:ext>
    </p:extLst>
  </p:cSld>
  <p:clrMapOvr>
    <a:masterClrMapping/>
  </p:clrMapOvr>
  <p:transition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with imag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2AA0174D-B09C-4960-94D1-79FD4D04BDF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 noProof="0"/>
              <a:t>Click icon to add picture</a:t>
            </a:r>
            <a:endParaRPr lang="sv-SE" noProof="0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696C364-9ED6-42C4-8FC2-1F9C6CB1656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450000" y="366547"/>
            <a:ext cx="5465380" cy="484791"/>
          </a:xfrm>
        </p:spPr>
        <p:txBody>
          <a:bodyPr>
            <a:noAutofit/>
          </a:bodyPr>
          <a:lstStyle>
            <a:lvl1pPr>
              <a:defRPr sz="3200" b="1">
                <a:latin typeface="+mj-lt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sv-SE"/>
              <a:t>Click to edit Master text styles</a:t>
            </a:r>
          </a:p>
        </p:txBody>
      </p:sp>
      <p:sp>
        <p:nvSpPr>
          <p:cNvPr id="6" name="Text Placeholder 4">
            <a:extLst>
              <a:ext uri="{FF2B5EF4-FFF2-40B4-BE49-F238E27FC236}">
                <a16:creationId xmlns:a16="http://schemas.microsoft.com/office/drawing/2014/main" id="{AD421831-C244-4DE0-8DE2-755D7D7315B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50000" y="851339"/>
            <a:ext cx="5465380" cy="863162"/>
          </a:xfrm>
        </p:spPr>
        <p:txBody>
          <a:bodyPr>
            <a:noAutofit/>
          </a:bodyPr>
          <a:lstStyle>
            <a:lvl1pPr>
              <a:defRPr sz="3200" b="0">
                <a:latin typeface="+mj-lt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sv-SE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753253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 1">
            <a:extLst>
              <a:ext uri="{FF2B5EF4-FFF2-40B4-BE49-F238E27FC236}">
                <a16:creationId xmlns:a16="http://schemas.microsoft.com/office/drawing/2014/main" id="{341A6448-2CDA-7D6D-F1A0-347696B21B5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162987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98D36622-3315-0885-4F7E-8CCDE0C2BA1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rgbClr val="BBBCBC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3" name="Title Placeholder 1">
            <a:extLst>
              <a:ext uri="{FF2B5EF4-FFF2-40B4-BE49-F238E27FC236}">
                <a16:creationId xmlns:a16="http://schemas.microsoft.com/office/drawing/2014/main" id="{53E8942A-B484-29A8-C101-63496BEA57F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84507463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03504" y="767419"/>
            <a:ext cx="10780776" cy="3355848"/>
          </a:xfrm>
        </p:spPr>
        <p:txBody>
          <a:bodyPr anchor="b">
            <a:normAutofit/>
          </a:bodyPr>
          <a:lstStyle>
            <a:lvl1pPr>
              <a:lnSpc>
                <a:spcPct val="80000"/>
              </a:lnSpc>
              <a:defRPr sz="8800" b="0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67512" y="4204209"/>
            <a:ext cx="9226296" cy="1645920"/>
          </a:xfrm>
        </p:spPr>
        <p:txBody>
          <a:bodyPr anchor="t">
            <a:normAutofit/>
          </a:bodyPr>
          <a:lstStyle>
            <a:lvl1pPr marL="0" indent="0">
              <a:buNone/>
              <a:defRPr sz="3200">
                <a:solidFill>
                  <a:schemeClr val="tx1"/>
                </a:solidFill>
                <a:latin typeface="+mj-lt"/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BBCB7C4-2AAA-4359-8376-E599B7B14940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1417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subtitle, 1 column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9C36FB10-1EF5-A9A4-577D-A18DA4D1207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7932361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C36FB10-1EF5-A9A4-577D-A18DA4D1207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CaseCode">
            <a:extLst>
              <a:ext uri="{FF2B5EF4-FFF2-40B4-BE49-F238E27FC236}">
                <a16:creationId xmlns:a16="http://schemas.microsoft.com/office/drawing/2014/main" id="{439CAA0B-BD7D-E961-FD1C-9131F85A54CA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138B5BD-933E-BC54-3884-620C20F639B9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4" name="Text Placeholder 18">
            <a:extLst>
              <a:ext uri="{FF2B5EF4-FFF2-40B4-BE49-F238E27FC236}">
                <a16:creationId xmlns:a16="http://schemas.microsoft.com/office/drawing/2014/main" id="{FB46B341-3430-2348-6D11-485200BFA9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0000" y="1714500"/>
            <a:ext cx="11304000" cy="4644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</a:defRPr>
            </a:lvl4pPr>
            <a:lvl5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16" name="Title Placeholder 1">
            <a:extLst>
              <a:ext uri="{FF2B5EF4-FFF2-40B4-BE49-F238E27FC236}">
                <a16:creationId xmlns:a16="http://schemas.microsoft.com/office/drawing/2014/main" id="{F99282DB-7705-38D1-75C5-92BD76D9183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2F2C4463-3F55-0B57-ECFE-555C0A1782B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lang="en-US" sz="1800" b="0" dirty="0">
                <a:solidFill>
                  <a:srgbClr val="BBBCBC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2" name="Copyright" descr="{&quot;templafy&quot;:{&quot;id&quot;:&quot;06d261a4-d065-4da9-acdb-ec61578e7868&quot;}}">
            <a:extLst>
              <a:ext uri="{FF2B5EF4-FFF2-40B4-BE49-F238E27FC236}">
                <a16:creationId xmlns:a16="http://schemas.microsoft.com/office/drawing/2014/main" id="{6ABC41BE-28A6-9BCC-C7A6-7CDAA1375BC5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rgbClr val="FFFFFF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3884655732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subtitle, 3 columns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D82120E2-D6C2-D764-40A5-E97D481216B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35229646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D82120E2-D6C2-D764-40A5-E97D481216B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FED540D-3BF1-4047-9D69-9C3EB9B9455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50000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3" name="CaseCode">
            <a:extLst>
              <a:ext uri="{FF2B5EF4-FFF2-40B4-BE49-F238E27FC236}">
                <a16:creationId xmlns:a16="http://schemas.microsoft.com/office/drawing/2014/main" id="{4C9C6FA1-DDE1-8073-D67E-BBF06C3542A3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1FB6382-2CB7-7FC9-D920-10C689F2F5E2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7413E34D-A983-4D25-B3D7-D7643F6035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6F14D54C-54B5-CC50-7E64-122407456A8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lang="en-US" sz="1800" b="0" dirty="0">
                <a:solidFill>
                  <a:srgbClr val="BBBCBC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F0E9C8C-3361-2EBB-1420-4D27917305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327048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CD594323-BB1E-32C6-75D1-37D14037392C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8204096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2" name="Copyright" descr="{&quot;templafy&quot;:{&quot;id&quot;:&quot;403f63be-a34a-4a4f-9088-6044f33174d6&quot;}}">
            <a:extLst>
              <a:ext uri="{FF2B5EF4-FFF2-40B4-BE49-F238E27FC236}">
                <a16:creationId xmlns:a16="http://schemas.microsoft.com/office/drawing/2014/main" id="{45C8B7CD-557D-AB03-3A93-FC41C9810FE1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rgbClr val="FFFFFF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218429982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subtitle, 4 columns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0AF0D7E5-2029-3151-0D44-92D925760B0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4312037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AF0D7E5-2029-3151-0D44-92D925760B0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93F994E-D5B3-4236-9E8D-771F764DB8E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50000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+mj-lt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2" name="CaseCode">
            <a:extLst>
              <a:ext uri="{FF2B5EF4-FFF2-40B4-BE49-F238E27FC236}">
                <a16:creationId xmlns:a16="http://schemas.microsoft.com/office/drawing/2014/main" id="{2AC6B5AE-2398-5F77-C242-BA82202FDB97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ADEBAD5-40EB-51CE-ACE7-BD2DFF52BB5F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286DEB7A-2D80-0936-9E40-8E28EEB0EB2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67F64B02-86CD-B81B-86B2-05391A92AC5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lang="en-US" sz="1800" b="0" dirty="0">
                <a:solidFill>
                  <a:srgbClr val="BBBCBC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3" name="Content Placeholder 3">
            <a:extLst>
              <a:ext uri="{FF2B5EF4-FFF2-40B4-BE49-F238E27FC236}">
                <a16:creationId xmlns:a16="http://schemas.microsoft.com/office/drawing/2014/main" id="{39EE392B-1FEE-21B0-181D-C9962A3FE8E5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22994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+mj-lt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EC71861D-BC3F-2DAD-BA49-86947F937CC5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195988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+mj-lt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6D62757C-35E9-6C73-1638-E2D99D8D412E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068982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+mj-lt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4" name="Copyright" descr="{&quot;templafy&quot;:{&quot;id&quot;:&quot;0eec9b49-fdcd-42b7-a6d0-aaf7c1d3b949&quot;}}">
            <a:extLst>
              <a:ext uri="{FF2B5EF4-FFF2-40B4-BE49-F238E27FC236}">
                <a16:creationId xmlns:a16="http://schemas.microsoft.com/office/drawing/2014/main" id="{ECE87BF9-0ECB-E651-2ED5-BB50442CDB41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rgbClr val="FFFFFF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3896366125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m profil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6" name="think-cell data - do not delete" hidden="1">
            <a:extLst>
              <a:ext uri="{FF2B5EF4-FFF2-40B4-BE49-F238E27FC236}">
                <a16:creationId xmlns:a16="http://schemas.microsoft.com/office/drawing/2014/main" id="{3E4C1F1A-C2FD-0E2E-2497-1640B8CFB7F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2399206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1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E4C1F1A-C2FD-0E2E-2497-1640B8CFB7F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Picture Placeholder 11">
            <a:extLst>
              <a:ext uri="{FF2B5EF4-FFF2-40B4-BE49-F238E27FC236}">
                <a16:creationId xmlns:a16="http://schemas.microsoft.com/office/drawing/2014/main" id="{0D8F34B8-DFAD-6DD7-E1A1-4572B7969DD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50000" y="1880213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3" name="Picture Placeholder 11">
            <a:extLst>
              <a:ext uri="{FF2B5EF4-FFF2-40B4-BE49-F238E27FC236}">
                <a16:creationId xmlns:a16="http://schemas.microsoft.com/office/drawing/2014/main" id="{90D3C277-40A7-31AF-87D8-848A84CDC70C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6246000" y="1880213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4" name="Picture Placeholder 11">
            <a:extLst>
              <a:ext uri="{FF2B5EF4-FFF2-40B4-BE49-F238E27FC236}">
                <a16:creationId xmlns:a16="http://schemas.microsoft.com/office/drawing/2014/main" id="{6B0BFB5D-1E54-FF08-195B-949B6341E16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50000" y="4256213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5" name="Picture Placeholder 11">
            <a:extLst>
              <a:ext uri="{FF2B5EF4-FFF2-40B4-BE49-F238E27FC236}">
                <a16:creationId xmlns:a16="http://schemas.microsoft.com/office/drawing/2014/main" id="{B70C4541-64E0-0D36-F531-9180AEBAADA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6246000" y="4256213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9D3FBE01-C9A4-F88D-C153-2816D6207A4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7902000" y="1880213"/>
            <a:ext cx="38520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2pPr>
          </a:lstStyle>
          <a:p>
            <a:pPr lvl="0"/>
            <a:r>
              <a:rPr lang="sv-SE" dirty="0"/>
              <a:t>Click to edit Master text styles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7004DE48-1AC3-4F21-0968-B38909044342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2106000" y="4256213"/>
            <a:ext cx="38520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Click to edit Master text styles</a:t>
            </a:r>
          </a:p>
          <a:p>
            <a:pPr lvl="1"/>
            <a:r>
              <a:rPr lang="sv-SE"/>
              <a:t>Second level</a:t>
            </a:r>
          </a:p>
        </p:txBody>
      </p:sp>
      <p:sp>
        <p:nvSpPr>
          <p:cNvPr id="9" name="Text Placeholder 12">
            <a:extLst>
              <a:ext uri="{FF2B5EF4-FFF2-40B4-BE49-F238E27FC236}">
                <a16:creationId xmlns:a16="http://schemas.microsoft.com/office/drawing/2014/main" id="{684A23D9-9F8C-5A70-1B87-0DD004B8D96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7902000" y="4256213"/>
            <a:ext cx="38520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Click to edit Master text styles</a:t>
            </a:r>
          </a:p>
          <a:p>
            <a:pPr lvl="1"/>
            <a:r>
              <a:rPr lang="sv-SE"/>
              <a:t>Second level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B1455C2-E21F-06D2-DADD-7FD7A0C6A036}"/>
              </a:ext>
            </a:extLst>
          </p:cNvPr>
          <p:cNvSpPr/>
          <p:nvPr userDrawn="1"/>
        </p:nvSpPr>
        <p:spPr>
          <a:xfrm>
            <a:off x="6246000" y="1677307"/>
            <a:ext cx="5508000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6B116F3-3D63-C235-3E40-D7EA6B934CF2}"/>
              </a:ext>
            </a:extLst>
          </p:cNvPr>
          <p:cNvSpPr/>
          <p:nvPr userDrawn="1"/>
        </p:nvSpPr>
        <p:spPr>
          <a:xfrm>
            <a:off x="450000" y="1677307"/>
            <a:ext cx="5508000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F46C436-A721-2D60-1AEA-13F0DD3A9223}"/>
              </a:ext>
            </a:extLst>
          </p:cNvPr>
          <p:cNvSpPr/>
          <p:nvPr userDrawn="1"/>
        </p:nvSpPr>
        <p:spPr>
          <a:xfrm>
            <a:off x="6246000" y="4044901"/>
            <a:ext cx="5508000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62ED75E-FA16-E5BA-B5F1-A58E06F1A408}"/>
              </a:ext>
            </a:extLst>
          </p:cNvPr>
          <p:cNvSpPr/>
          <p:nvPr userDrawn="1"/>
        </p:nvSpPr>
        <p:spPr>
          <a:xfrm>
            <a:off x="450000" y="4044901"/>
            <a:ext cx="5508000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4" name="CaseCode">
            <a:extLst>
              <a:ext uri="{FF2B5EF4-FFF2-40B4-BE49-F238E27FC236}">
                <a16:creationId xmlns:a16="http://schemas.microsoft.com/office/drawing/2014/main" id="{FDC8E98C-87C9-16F4-A3B7-C5661C38BF7F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3C4639CE-52C7-C346-7162-BAD5CAAE51C5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98DB5DD3-41BE-3F94-9CAF-1C6AF307A274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2106000" y="1880213"/>
            <a:ext cx="38520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2pPr>
          </a:lstStyle>
          <a:p>
            <a:pPr lvl="0"/>
            <a:r>
              <a:rPr lang="sv-SE" dirty="0"/>
              <a:t>Click to edit Master text styles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21" name="Title Placeholder 1">
            <a:extLst>
              <a:ext uri="{FF2B5EF4-FFF2-40B4-BE49-F238E27FC236}">
                <a16:creationId xmlns:a16="http://schemas.microsoft.com/office/drawing/2014/main" id="{7685A54B-009E-7531-D093-9C1E6AA6E82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1F09F11E-B446-F54E-C136-D44C717D201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lang="en-US" sz="1800" b="0" dirty="0">
                <a:solidFill>
                  <a:srgbClr val="BBBCBC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6" name="Copyright" descr="{&quot;templafy&quot;:{&quot;id&quot;:&quot;5051d2d9-93ee-46ed-a98b-40ee35bf7c75&quot;}}">
            <a:extLst>
              <a:ext uri="{FF2B5EF4-FFF2-40B4-BE49-F238E27FC236}">
                <a16:creationId xmlns:a16="http://schemas.microsoft.com/office/drawing/2014/main" id="{E599BEF7-FA4C-7085-1465-2963E0C97BE6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rgbClr val="FFFFFF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753278530"/>
      </p:ext>
    </p:extLst>
  </p:cSld>
  <p:clrMapOvr>
    <a:masterClrMapping/>
  </p:clrMapOvr>
  <p:transition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alifications 2 x 1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think-cell data - do not delete" hidden="1">
            <a:extLst>
              <a:ext uri="{FF2B5EF4-FFF2-40B4-BE49-F238E27FC236}">
                <a16:creationId xmlns:a16="http://schemas.microsoft.com/office/drawing/2014/main" id="{A7C7A401-E3C4-4448-BB60-24DC9B089C7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1023399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10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7C7A401-E3C4-4448-BB60-24DC9B089C7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6" name="Picture Placeholder 11">
            <a:extLst>
              <a:ext uri="{FF2B5EF4-FFF2-40B4-BE49-F238E27FC236}">
                <a16:creationId xmlns:a16="http://schemas.microsoft.com/office/drawing/2014/main" id="{DFBE7610-ECB4-CA89-5B4C-9B0C6E8A5706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4482000" y="1883664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18" name="Picture Placeholder 11">
            <a:extLst>
              <a:ext uri="{FF2B5EF4-FFF2-40B4-BE49-F238E27FC236}">
                <a16:creationId xmlns:a16="http://schemas.microsoft.com/office/drawing/2014/main" id="{6E7011BF-A32B-4689-4585-D2226C8A39D9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0278000" y="1883664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sv-SE"/>
              <a:t>Click icon to add picture</a:t>
            </a:r>
            <a:endParaRPr lang="sv-SE" dirty="0"/>
          </a:p>
        </p:txBody>
      </p:sp>
      <p:sp>
        <p:nvSpPr>
          <p:cNvPr id="2" name="CaseCode">
            <a:extLst>
              <a:ext uri="{FF2B5EF4-FFF2-40B4-BE49-F238E27FC236}">
                <a16:creationId xmlns:a16="http://schemas.microsoft.com/office/drawing/2014/main" id="{FB1AB0CC-E815-A64E-13C9-1E9087A3F714}"/>
              </a:ext>
            </a:extLst>
          </p:cNvPr>
          <p:cNvSpPr txBox="1"/>
          <p:nvPr userDrawn="1"/>
        </p:nvSpPr>
        <p:spPr>
          <a:xfrm>
            <a:off x="6335184" y="6519673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endParaRPr lang="sv-SE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4D2FF46-F2E3-4C53-5DB7-61C38243D4F9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sv-SE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sv-SE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DBEB426A-016F-1B65-1168-FF2235F36C2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50000" y="3491918"/>
            <a:ext cx="5508000" cy="2880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+mj-lt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12" name="Title Placeholder 1">
            <a:extLst>
              <a:ext uri="{FF2B5EF4-FFF2-40B4-BE49-F238E27FC236}">
                <a16:creationId xmlns:a16="http://schemas.microsoft.com/office/drawing/2014/main" id="{843CBCEE-6AB3-6F31-A1DF-F3F88E17572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8D7B41BD-8ED5-299A-47F6-EACF78AFCB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lang="en-US" sz="1800" b="0" dirty="0">
                <a:solidFill>
                  <a:srgbClr val="BBBCBC"/>
                </a:solidFill>
              </a:defRPr>
            </a:lvl1pPr>
          </a:lstStyle>
          <a:p>
            <a:pPr lvl="0"/>
            <a:r>
              <a:rPr lang="sv-SE" dirty="0"/>
              <a:t>Click to add subtitle</a:t>
            </a:r>
            <a:endParaRPr lang="sv-SE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6E79773-3B23-90E9-4D48-A5FDB54800E7}"/>
              </a:ext>
            </a:extLst>
          </p:cNvPr>
          <p:cNvSpPr/>
          <p:nvPr userDrawn="1"/>
        </p:nvSpPr>
        <p:spPr>
          <a:xfrm>
            <a:off x="6246000" y="1677307"/>
            <a:ext cx="5508000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B2B04A7-88BB-C053-00D5-6E084E746EAB}"/>
              </a:ext>
            </a:extLst>
          </p:cNvPr>
          <p:cNvSpPr/>
          <p:nvPr userDrawn="1"/>
        </p:nvSpPr>
        <p:spPr>
          <a:xfrm>
            <a:off x="450000" y="1677307"/>
            <a:ext cx="5508000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sv-SE" sz="1100" noProof="0" dirty="0">
              <a:solidFill>
                <a:schemeClr val="bg1"/>
              </a:solidFill>
            </a:endParaRPr>
          </a:p>
        </p:txBody>
      </p:sp>
      <p:sp>
        <p:nvSpPr>
          <p:cNvPr id="5" name="Content Placeholder 3">
            <a:extLst>
              <a:ext uri="{FF2B5EF4-FFF2-40B4-BE49-F238E27FC236}">
                <a16:creationId xmlns:a16="http://schemas.microsoft.com/office/drawing/2014/main" id="{746306D7-050B-5308-5E5B-4221EF4A7F66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6246000" y="3491918"/>
            <a:ext cx="5508000" cy="2880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+mj-lt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+mn-lt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sv-SE" noProof="0" dirty="0"/>
              <a:t>Click to edit Master text styles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</p:txBody>
      </p:sp>
      <p:sp>
        <p:nvSpPr>
          <p:cNvPr id="6" name="Copyright" descr="{&quot;templafy&quot;:{&quot;id&quot;:&quot;6f883f7f-58ed-41f2-8f37-97f5afe295d6&quot;}}">
            <a:extLst>
              <a:ext uri="{FF2B5EF4-FFF2-40B4-BE49-F238E27FC236}">
                <a16:creationId xmlns:a16="http://schemas.microsoft.com/office/drawing/2014/main" id="{992FC042-C0BB-6E87-173C-9C7D896B28CC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rgbClr val="FFFFFF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2734513497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6656" y="1998134"/>
            <a:ext cx="4663440" cy="376732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11330" y="1998134"/>
            <a:ext cx="4663440" cy="376732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F24A5FD-AAAA-48D8-A53F-514A3A23696F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737321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6656" y="2040467"/>
            <a:ext cx="4663440" cy="723400"/>
          </a:xfrm>
        </p:spPr>
        <p:txBody>
          <a:bodyPr anchor="ctr">
            <a:normAutofit/>
          </a:bodyPr>
          <a:lstStyle>
            <a:lvl1pPr marL="0" indent="0">
              <a:buNone/>
              <a:defRPr sz="2200" b="0" cap="all" baseline="0">
                <a:solidFill>
                  <a:schemeClr val="accent1"/>
                </a:solidFill>
                <a:latin typeface="+mj-lt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6656" y="2753084"/>
            <a:ext cx="4663440" cy="3200400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007608" y="2038435"/>
            <a:ext cx="4663440" cy="722376"/>
          </a:xfrm>
        </p:spPr>
        <p:txBody>
          <a:bodyPr anchor="ctr">
            <a:normAutofit/>
          </a:bodyPr>
          <a:lstStyle>
            <a:lvl1pPr marL="0" indent="0">
              <a:buNone/>
              <a:defRPr sz="2200" b="0" cap="all" baseline="0">
                <a:latin typeface="+mj-lt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007608" y="2750990"/>
            <a:ext cx="4663440" cy="3200400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DEB44DF-35C4-4F24-9155-D0ABD229B669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116484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99037A-30C2-41D8-831B-0C899FB901F3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0445235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9A604E5-7D80-49F4-92C0-A2A7E8122461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47868034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/>
          <p:cNvSpPr/>
          <p:nvPr/>
        </p:nvSpPr>
        <p:spPr>
          <a:xfrm>
            <a:off x="7620000" y="0"/>
            <a:ext cx="457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9" name="Title 8"/>
          <p:cNvSpPr>
            <a:spLocks noGrp="1"/>
          </p:cNvSpPr>
          <p:nvPr>
            <p:ph type="title"/>
          </p:nvPr>
        </p:nvSpPr>
        <p:spPr>
          <a:xfrm>
            <a:off x="8261404" y="542282"/>
            <a:ext cx="3383280" cy="1920240"/>
          </a:xfrm>
        </p:spPr>
        <p:txBody>
          <a:bodyPr anchor="b">
            <a:noAutofit/>
          </a:bodyPr>
          <a:lstStyle>
            <a:lvl1pPr>
              <a:lnSpc>
                <a:spcPct val="85000"/>
              </a:lnSpc>
              <a:defRPr sz="4000">
                <a:solidFill>
                  <a:srgbClr val="FFFFFF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62000" y="762000"/>
            <a:ext cx="6096000" cy="4572000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275982" y="2511813"/>
            <a:ext cx="3398520" cy="3126987"/>
          </a:xfrm>
        </p:spPr>
        <p:txBody>
          <a:bodyPr>
            <a:normAutofit/>
          </a:bodyPr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>
                <a:solidFill>
                  <a:srgbClr val="FFFFFF"/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4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0816E64-B1CB-411A-8725-CD7F4C8DEC19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FFFFFF">
                    <a:alpha val="20000"/>
                  </a:srgbClr>
                </a:solidFill>
              </a:defRPr>
            </a:lvl1pPr>
          </a:lstStyle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6830329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49224" y="5418667"/>
            <a:ext cx="10780776" cy="613283"/>
          </a:xfrm>
        </p:spPr>
        <p:txBody>
          <a:bodyPr anchor="b">
            <a:normAutofit/>
          </a:bodyPr>
          <a:lstStyle>
            <a:lvl1pPr>
              <a:defRPr sz="3200" b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0" y="0"/>
            <a:ext cx="12192000" cy="5330952"/>
          </a:xfrm>
          <a:solidFill>
            <a:schemeClr val="accent1">
              <a:lumMod val="20000"/>
              <a:lumOff val="80000"/>
            </a:schemeClr>
          </a:solidFill>
        </p:spPr>
        <p:txBody>
          <a:bodyPr anchor="t"/>
          <a:lstStyle>
            <a:lvl1pPr marL="0" indent="0" algn="ctr">
              <a:spcBef>
                <a:spcPts val="800"/>
              </a:spcBef>
              <a:buNone/>
              <a:defRPr sz="3200">
                <a:solidFill>
                  <a:schemeClr val="bg1"/>
                </a:solidFill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6656" y="5909735"/>
            <a:ext cx="9229344" cy="533400"/>
          </a:xfrm>
        </p:spPr>
        <p:txBody>
          <a:bodyPr>
            <a:normAutofit/>
          </a:bodyPr>
          <a:lstStyle>
            <a:lvl1pPr marL="0" indent="0">
              <a:lnSpc>
                <a:spcPct val="90000"/>
              </a:lnSpc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Date Placeholder 8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78F140-A55A-4E5D-AFC0-85684051C8B8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8184020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57224" y="499533"/>
            <a:ext cx="10772775" cy="165819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6656" y="2011680"/>
            <a:ext cx="10753725" cy="3766185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685800" y="6412447"/>
            <a:ext cx="4114800" cy="2286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50">
                <a:solidFill>
                  <a:schemeClr val="tx1">
                    <a:alpha val="80000"/>
                  </a:schemeClr>
                </a:solidFill>
              </a:defRPr>
            </a:lvl1pPr>
          </a:lstStyle>
          <a:p>
            <a:fld id="{9A1DD3AD-39B9-440D-9E94-C4744FC69486}" type="datetime1">
              <a:rPr lang="en-US" smtClean="0"/>
              <a:t>4/20/2026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85800" y="6554697"/>
            <a:ext cx="5029200" cy="2286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50" cap="all" baseline="0">
                <a:solidFill>
                  <a:schemeClr val="tx1">
                    <a:alpha val="8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763926" y="5876412"/>
            <a:ext cx="2926080" cy="1397039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300" b="0">
                <a:ln>
                  <a:noFill/>
                </a:ln>
                <a:solidFill>
                  <a:schemeClr val="tx1">
                    <a:alpha val="20000"/>
                  </a:schemeClr>
                </a:solidFill>
                <a:latin typeface="+mj-lt"/>
              </a:defRPr>
            </a:lvl1pPr>
          </a:lstStyle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Copyright" descr="{&quot;templafy&quot;:{&quot;id&quot;:&quot;c9a75cfc-7a39-4fad-a03e-2c362df112ec&quot;}}">
            <a:extLst>
              <a:ext uri="{FF2B5EF4-FFF2-40B4-BE49-F238E27FC236}">
                <a16:creationId xmlns:a16="http://schemas.microsoft.com/office/drawing/2014/main" id="{A2A10F3B-8823-12E8-86E8-A72379C476F9}"/>
              </a:ext>
            </a:extLst>
          </p:cNvPr>
          <p:cNvSpPr txBox="1"/>
          <p:nvPr userDrawn="1"/>
        </p:nvSpPr>
        <p:spPr>
          <a:xfrm>
            <a:off x="4500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sv-SE" sz="800" noProof="0" dirty="0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© 2025 Deloitte AB</a:t>
            </a:r>
          </a:p>
        </p:txBody>
      </p:sp>
    </p:spTree>
    <p:extLst>
      <p:ext uri="{BB962C8B-B14F-4D97-AF65-F5344CB8AC3E}">
        <p14:creationId xmlns:p14="http://schemas.microsoft.com/office/powerpoint/2010/main" val="1853039400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4146" r:id="rId1"/>
    <p:sldLayoutId id="2147484147" r:id="rId2"/>
    <p:sldLayoutId id="2147484148" r:id="rId3"/>
    <p:sldLayoutId id="2147484149" r:id="rId4"/>
    <p:sldLayoutId id="2147484150" r:id="rId5"/>
    <p:sldLayoutId id="2147484151" r:id="rId6"/>
    <p:sldLayoutId id="2147484152" r:id="rId7"/>
    <p:sldLayoutId id="2147484153" r:id="rId8"/>
    <p:sldLayoutId id="2147484154" r:id="rId9"/>
    <p:sldLayoutId id="2147484155" r:id="rId10"/>
    <p:sldLayoutId id="2147484156" r:id="rId11"/>
    <p:sldLayoutId id="2147484157" r:id="rId12"/>
    <p:sldLayoutId id="2147483948" r:id="rId13"/>
    <p:sldLayoutId id="2147484019" r:id="rId14"/>
    <p:sldLayoutId id="2147483994" r:id="rId15"/>
    <p:sldLayoutId id="2147483996" r:id="rId16"/>
    <p:sldLayoutId id="2147483995" r:id="rId17"/>
    <p:sldLayoutId id="2147484017" r:id="rId18"/>
    <p:sldLayoutId id="2147483975" r:id="rId19"/>
    <p:sldLayoutId id="2147484001" r:id="rId20"/>
    <p:sldLayoutId id="2147484007" r:id="rId21"/>
    <p:sldLayoutId id="2147483953" r:id="rId22"/>
    <p:sldLayoutId id="2147483959" r:id="rId23"/>
    <p:sldLayoutId id="2147483962" r:id="rId24"/>
    <p:sldLayoutId id="2147483967" r:id="rId25"/>
    <p:sldLayoutId id="2147483966" r:id="rId26"/>
    <p:sldLayoutId id="2147484008" r:id="rId27"/>
    <p:sldLayoutId id="2147484009" r:id="rId28"/>
    <p:sldLayoutId id="2147484010" r:id="rId29"/>
    <p:sldLayoutId id="2147484011" r:id="rId30"/>
    <p:sldLayoutId id="2147484013" r:id="rId31"/>
    <p:sldLayoutId id="2147484014" r:id="rId32"/>
    <p:sldLayoutId id="2147484015" r:id="rId33"/>
    <p:sldLayoutId id="2147484016" r:id="rId34"/>
  </p:sldLayoutIdLst>
  <p:transition>
    <p:fade/>
  </p:transition>
  <p:hf sldNum="0"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5400" kern="1200" spc="-120" baseline="0">
          <a:solidFill>
            <a:schemeClr val="tx1">
              <a:lumMod val="75000"/>
              <a:lumOff val="25000"/>
            </a:schemeClr>
          </a:solidFill>
          <a:latin typeface="+mj-lt"/>
          <a:ea typeface="+mj-ea"/>
          <a:cs typeface="+mj-cs"/>
        </a:defRPr>
      </a:lvl1pPr>
    </p:titleStyle>
    <p:bodyStyle>
      <a:lvl1pPr marL="91440" indent="-91440" algn="l" defTabSz="914400" rtl="0" eaLnBrk="1" latinLnBrk="0" hangingPunct="1">
        <a:lnSpc>
          <a:spcPct val="85000"/>
        </a:lnSpc>
        <a:spcBef>
          <a:spcPts val="1300"/>
        </a:spcBef>
        <a:buFont typeface="Arial" pitchFamily="34" charset="0"/>
        <a:buChar char=" "/>
        <a:defRPr sz="24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347472" indent="-342900" algn="l" defTabSz="914400" rtl="0" eaLnBrk="1" latinLnBrk="0" hangingPunct="1">
        <a:lnSpc>
          <a:spcPct val="85000"/>
        </a:lnSpc>
        <a:spcBef>
          <a:spcPts val="600"/>
        </a:spcBef>
        <a:buFont typeface="Arial" pitchFamily="34" charset="0"/>
        <a:buChar char=" "/>
        <a:defRPr sz="2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548640" indent="-548640" algn="l" defTabSz="914400" rtl="0" eaLnBrk="1" latinLnBrk="0" hangingPunct="1">
        <a:lnSpc>
          <a:spcPct val="85000"/>
        </a:lnSpc>
        <a:spcBef>
          <a:spcPts val="600"/>
        </a:spcBef>
        <a:buFont typeface="Arial" pitchFamily="34" charset="0"/>
        <a:buChar char=" "/>
        <a:defRPr sz="2000" i="1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3pPr>
      <a:lvl4pPr marL="822960" indent="-822960" algn="l" defTabSz="914400" rtl="0" eaLnBrk="1" latinLnBrk="0" hangingPunct="1">
        <a:lnSpc>
          <a:spcPct val="85000"/>
        </a:lnSpc>
        <a:spcBef>
          <a:spcPts val="600"/>
        </a:spcBef>
        <a:buFont typeface="Arial" pitchFamily="34" charset="0"/>
        <a:buChar char=" "/>
        <a:defRPr sz="18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4pPr>
      <a:lvl5pPr marL="1097280" indent="-1097280" algn="l" defTabSz="914400" rtl="0" eaLnBrk="1" latinLnBrk="0" hangingPunct="1">
        <a:lnSpc>
          <a:spcPct val="85000"/>
        </a:lnSpc>
        <a:spcBef>
          <a:spcPts val="600"/>
        </a:spcBef>
        <a:buFont typeface="Arial" pitchFamily="34" charset="0"/>
        <a:buChar char=" "/>
        <a:defRPr sz="18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5pPr>
      <a:lvl6pPr marL="1200000" indent="-228600" algn="l" defTabSz="914400" rtl="0" eaLnBrk="1" latinLnBrk="0" hangingPunct="1">
        <a:lnSpc>
          <a:spcPct val="85000"/>
        </a:lnSpc>
        <a:spcBef>
          <a:spcPts val="600"/>
        </a:spcBef>
        <a:buFont typeface="Arial" pitchFamily="34" charset="0"/>
        <a:buChar char=" "/>
        <a:defRPr sz="18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6pPr>
      <a:lvl7pPr marL="1400000" indent="-228600" algn="l" defTabSz="914400" rtl="0" eaLnBrk="1" latinLnBrk="0" hangingPunct="1">
        <a:lnSpc>
          <a:spcPct val="85000"/>
        </a:lnSpc>
        <a:spcBef>
          <a:spcPts val="600"/>
        </a:spcBef>
        <a:buFont typeface="Arial" pitchFamily="34" charset="0"/>
        <a:buChar char=" "/>
        <a:defRPr sz="18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7pPr>
      <a:lvl8pPr marL="1600000" indent="-228600" algn="l" defTabSz="914400" rtl="0" eaLnBrk="1" latinLnBrk="0" hangingPunct="1">
        <a:lnSpc>
          <a:spcPct val="85000"/>
        </a:lnSpc>
        <a:spcBef>
          <a:spcPts val="600"/>
        </a:spcBef>
        <a:buFont typeface="Arial" pitchFamily="34" charset="0"/>
        <a:buChar char=" "/>
        <a:defRPr sz="18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8pPr>
      <a:lvl9pPr marL="1800000" indent="-228600" algn="l" defTabSz="914400" rtl="0" eaLnBrk="1" latinLnBrk="0" hangingPunct="1">
        <a:lnSpc>
          <a:spcPct val="85000"/>
        </a:lnSpc>
        <a:spcBef>
          <a:spcPts val="600"/>
        </a:spcBef>
        <a:buFont typeface="Arial" pitchFamily="34" charset="0"/>
        <a:buChar char=" "/>
        <a:defRPr sz="18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4008" userDrawn="1">
          <p15:clr>
            <a:srgbClr val="F26B43"/>
          </p15:clr>
        </p15:guide>
        <p15:guide id="2" orient="horz" pos="432" userDrawn="1">
          <p15:clr>
            <a:srgbClr val="F26B43"/>
          </p15:clr>
        </p15:guide>
        <p15:guide id="3" orient="horz" pos="4104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orient="horz" pos="216" userDrawn="1">
          <p15:clr>
            <a:srgbClr val="F26B43"/>
          </p15:clr>
        </p15:guide>
        <p15:guide id="6" pos="3840" userDrawn="1">
          <p15:clr>
            <a:srgbClr val="F26B43"/>
          </p15:clr>
        </p15:guide>
        <p15:guide id="7" pos="3931" userDrawn="1">
          <p15:clr>
            <a:srgbClr val="F26B43"/>
          </p15:clr>
        </p15:guide>
        <p15:guide id="8" pos="279" userDrawn="1">
          <p15:clr>
            <a:srgbClr val="F26B43"/>
          </p15:clr>
        </p15:guide>
        <p15:guide id="9" pos="3749" userDrawn="1">
          <p15:clr>
            <a:srgbClr val="F26B43"/>
          </p15:clr>
        </p15:guide>
        <p15:guide id="10" pos="740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image" Target="../media/image3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eg"/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10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13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57F0063-61B8-C94F-3A5A-E4B6F35BB3C2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sv-SE" dirty="0"/>
          </a:p>
          <a:p>
            <a:endParaRPr lang="sv-SE" b="1" dirty="0"/>
          </a:p>
          <a:p>
            <a:r>
              <a:rPr lang="sv-SE" dirty="0"/>
              <a:t>		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6E7AFEA-6C32-6BEF-1450-5FE94B45B39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050" y="696697"/>
            <a:ext cx="11304000" cy="757255"/>
          </a:xfrm>
        </p:spPr>
        <p:txBody>
          <a:bodyPr/>
          <a:lstStyle/>
          <a:p>
            <a:pPr algn="ctr"/>
            <a:r>
              <a:rPr lang="sv-SE" sz="3600" b="1" dirty="0">
                <a:solidFill>
                  <a:schemeClr val="tx1"/>
                </a:solidFill>
              </a:rPr>
              <a:t>OPE Flickor -12 Kickoff 2025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A09B55E-FFB3-46BD-8EBA-F4916A49464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95438" y="1453951"/>
            <a:ext cx="8367712" cy="504442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6464561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6E7AFEA-6C32-6BEF-1450-5FE94B45B395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>
            <a:normAutofit/>
          </a:bodyPr>
          <a:lstStyle/>
          <a:p>
            <a:pPr marL="0" lvl="4" indent="0">
              <a:buNone/>
            </a:pPr>
            <a:r>
              <a:rPr lang="sv-SE" sz="2000" b="1" dirty="0">
                <a:solidFill>
                  <a:schemeClr val="tx1"/>
                </a:solidFill>
              </a:rPr>
              <a:t>Grupp 1</a:t>
            </a:r>
          </a:p>
          <a:p>
            <a:pPr marL="0" lvl="4" indent="0">
              <a:buNone/>
            </a:pPr>
            <a:endParaRPr lang="sv-SE" sz="16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Agnes A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Stella B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Asta B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Signe S</a:t>
            </a:r>
          </a:p>
          <a:p>
            <a:pPr marL="0" lvl="4" indent="0">
              <a:buNone/>
            </a:pPr>
            <a:r>
              <a:rPr lang="sv-SE" sz="1600" b="1" dirty="0" err="1">
                <a:solidFill>
                  <a:schemeClr val="tx1"/>
                </a:solidFill>
              </a:rPr>
              <a:t>Brendona</a:t>
            </a:r>
            <a:r>
              <a:rPr lang="sv-SE" sz="1600" b="1" dirty="0">
                <a:solidFill>
                  <a:schemeClr val="tx1"/>
                </a:solidFill>
              </a:rPr>
              <a:t> D</a:t>
            </a:r>
          </a:p>
          <a:p>
            <a:pPr marL="0" lvl="4" indent="0">
              <a:buNone/>
            </a:pPr>
            <a:endParaRPr lang="sv-SE" sz="16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r>
              <a:rPr lang="sv-SE" sz="2000" b="1" dirty="0">
                <a:solidFill>
                  <a:schemeClr val="tx1"/>
                </a:solidFill>
              </a:rPr>
              <a:t>Grupp 2</a:t>
            </a:r>
          </a:p>
          <a:p>
            <a:pPr marL="0" lvl="4" indent="0">
              <a:buNone/>
            </a:pPr>
            <a:endParaRPr lang="sv-SE" sz="16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Meja P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Leah K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Clara K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Tuva Å</a:t>
            </a:r>
          </a:p>
          <a:p>
            <a:r>
              <a:rPr lang="sv-SE" sz="1600" b="1" dirty="0" err="1">
                <a:solidFill>
                  <a:schemeClr val="tx1"/>
                </a:solidFill>
              </a:rPr>
              <a:t>Solomie</a:t>
            </a:r>
            <a:r>
              <a:rPr lang="sv-SE" sz="1600" b="1" dirty="0">
                <a:solidFill>
                  <a:schemeClr val="tx1"/>
                </a:solidFill>
              </a:rPr>
              <a:t> M</a:t>
            </a:r>
          </a:p>
          <a:p>
            <a:pPr marL="0" lvl="4" indent="0">
              <a:buNone/>
            </a:pPr>
            <a:endParaRPr lang="sv-SE" sz="16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endParaRPr lang="sv-SE" sz="1600" b="1" dirty="0">
              <a:solidFill>
                <a:schemeClr val="tx1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AAB32EB3-3B6F-7CEE-1AEE-5D891E76C58C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sv-SE" sz="2000" b="1" dirty="0">
                <a:solidFill>
                  <a:schemeClr val="tx1"/>
                </a:solidFill>
              </a:rPr>
              <a:t>Grupp 3</a:t>
            </a:r>
          </a:p>
          <a:p>
            <a:endParaRPr lang="sv-SE" sz="1600" b="1" dirty="0">
              <a:solidFill>
                <a:schemeClr val="tx1"/>
              </a:solidFill>
            </a:endParaRPr>
          </a:p>
          <a:p>
            <a:r>
              <a:rPr lang="sv-SE" sz="1600" b="1" dirty="0">
                <a:solidFill>
                  <a:schemeClr val="tx1"/>
                </a:solidFill>
              </a:rPr>
              <a:t>Gabriella N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Lea N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Vera N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Lova O</a:t>
            </a:r>
          </a:p>
          <a:p>
            <a:r>
              <a:rPr lang="sv-SE" sz="1600" b="1" dirty="0" err="1">
                <a:solidFill>
                  <a:schemeClr val="tx1"/>
                </a:solidFill>
              </a:rPr>
              <a:t>Mbabzi</a:t>
            </a:r>
            <a:r>
              <a:rPr lang="sv-SE" sz="1600" b="1" dirty="0">
                <a:solidFill>
                  <a:schemeClr val="tx1"/>
                </a:solidFill>
              </a:rPr>
              <a:t> K</a:t>
            </a:r>
          </a:p>
          <a:p>
            <a:endParaRPr lang="sv-SE" sz="1600" b="1" dirty="0">
              <a:solidFill>
                <a:schemeClr val="tx1"/>
              </a:solidFill>
            </a:endParaRPr>
          </a:p>
          <a:p>
            <a:r>
              <a:rPr lang="sv-SE" sz="2000" b="1" dirty="0">
                <a:solidFill>
                  <a:schemeClr val="tx1"/>
                </a:solidFill>
              </a:rPr>
              <a:t>Grupp 4</a:t>
            </a:r>
          </a:p>
          <a:p>
            <a:endParaRPr lang="sv-SE" sz="1600" b="1" dirty="0">
              <a:solidFill>
                <a:schemeClr val="tx1"/>
              </a:solidFill>
            </a:endParaRPr>
          </a:p>
          <a:p>
            <a:r>
              <a:rPr lang="sv-SE" sz="1600" b="1" dirty="0">
                <a:solidFill>
                  <a:schemeClr val="tx1"/>
                </a:solidFill>
              </a:rPr>
              <a:t>Agnes M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Towa S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Signe W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Sofia K</a:t>
            </a:r>
          </a:p>
          <a:p>
            <a:r>
              <a:rPr lang="sv-SE" sz="1600" b="1" dirty="0" err="1">
                <a:solidFill>
                  <a:schemeClr val="tx1"/>
                </a:solidFill>
              </a:rPr>
              <a:t>Zvea</a:t>
            </a:r>
            <a:r>
              <a:rPr lang="sv-SE" sz="1600" b="1" dirty="0">
                <a:solidFill>
                  <a:schemeClr val="tx1"/>
                </a:solidFill>
              </a:rPr>
              <a:t> Ö</a:t>
            </a:r>
          </a:p>
          <a:p>
            <a:endParaRPr lang="sv-SE" sz="1600" b="1" dirty="0">
              <a:solidFill>
                <a:schemeClr val="tx1"/>
              </a:solidFill>
            </a:endParaRPr>
          </a:p>
          <a:p>
            <a:endParaRPr lang="sv-SE" sz="1400" b="1" dirty="0">
              <a:solidFill>
                <a:schemeClr val="tx1"/>
              </a:solidFill>
            </a:endParaRP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82D968D-0CF0-9DE9-AB36-354E8CB8EFAB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/>
          <a:lstStyle/>
          <a:p>
            <a:r>
              <a:rPr lang="sv-SE" sz="2000" b="1" dirty="0">
                <a:solidFill>
                  <a:schemeClr val="tx1"/>
                </a:solidFill>
              </a:rPr>
              <a:t>Grupp 5</a:t>
            </a:r>
          </a:p>
          <a:p>
            <a:endParaRPr lang="sv-SE" sz="16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Tove EN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Tyra E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Melissa F</a:t>
            </a:r>
          </a:p>
          <a:p>
            <a:pPr marL="0" lvl="4" indent="0">
              <a:buNone/>
            </a:pPr>
            <a:r>
              <a:rPr lang="sv-SE" sz="1600" b="1" dirty="0" err="1">
                <a:solidFill>
                  <a:schemeClr val="tx1"/>
                </a:solidFill>
              </a:rPr>
              <a:t>Deshira</a:t>
            </a:r>
            <a:endParaRPr lang="sv-SE" sz="16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Ellen H</a:t>
            </a:r>
          </a:p>
          <a:p>
            <a:pPr marL="0" lvl="4" indent="0">
              <a:buNone/>
            </a:pPr>
            <a:endParaRPr lang="sv-SE" sz="16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r>
              <a:rPr lang="sv-SE" sz="2000" b="1" dirty="0">
                <a:solidFill>
                  <a:schemeClr val="tx1"/>
                </a:solidFill>
              </a:rPr>
              <a:t>Grupp 6</a:t>
            </a:r>
            <a:endParaRPr lang="en-US" sz="2000" b="1" dirty="0">
              <a:solidFill>
                <a:schemeClr val="tx1"/>
              </a:solidFill>
            </a:endParaRPr>
          </a:p>
          <a:p>
            <a:endParaRPr lang="en-US" sz="20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Milla H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Stina I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Molly Ö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Sofia B</a:t>
            </a:r>
          </a:p>
          <a:p>
            <a:pPr marL="0" lvl="4" indent="0">
              <a:buNone/>
            </a:pPr>
            <a:endParaRPr lang="sv-SE" sz="12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endParaRPr lang="sv-SE" sz="1200" b="1" dirty="0">
              <a:solidFill>
                <a:schemeClr val="tx1"/>
              </a:solidFill>
            </a:endParaRPr>
          </a:p>
          <a:p>
            <a:endParaRPr lang="en-US" dirty="0"/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D500C43A-F57B-369B-94CE-F6DEA6E791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sz="4400" b="1" dirty="0">
                <a:solidFill>
                  <a:schemeClr val="tx1"/>
                </a:solidFill>
              </a:rPr>
              <a:t>Grupper</a:t>
            </a:r>
            <a:br>
              <a:rPr lang="sv-SE" sz="5400" b="1" dirty="0">
                <a:solidFill>
                  <a:schemeClr val="tx1"/>
                </a:solidFill>
              </a:rPr>
            </a:br>
            <a:endParaRPr lang="en-US" dirty="0"/>
          </a:p>
        </p:txBody>
      </p:sp>
      <p:sp>
        <p:nvSpPr>
          <p:cNvPr id="2" name="AutoShape 2">
            <a:extLst>
              <a:ext uri="{FF2B5EF4-FFF2-40B4-BE49-F238E27FC236}">
                <a16:creationId xmlns:a16="http://schemas.microsoft.com/office/drawing/2014/main" id="{0BE59063-2B0A-1F71-1A6D-4C6AE3CA24FF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0262029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white paper with writing on it&#10;&#10;AI-generated content may be incorrect.">
            <a:extLst>
              <a:ext uri="{FF2B5EF4-FFF2-40B4-BE49-F238E27FC236}">
                <a16:creationId xmlns:a16="http://schemas.microsoft.com/office/drawing/2014/main" id="{6BBCB2D4-90DD-CB43-A66D-263A54E36A0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5400000">
            <a:off x="2667000" y="857250"/>
            <a:ext cx="6858000" cy="5143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9071311"/>
      </p:ext>
    </p:extLst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3BBDC8A-0B8D-4729-82B2-69D17F24F4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sz="4400" dirty="0"/>
              <a:t>OPE F-12 spelregler</a:t>
            </a:r>
            <a:br>
              <a:rPr lang="sv-SE" sz="4400" dirty="0"/>
            </a:br>
            <a:endParaRPr lang="sv-SE" dirty="0"/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4A306DC6-131C-46BF-ABFD-B57427B901E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61973" y="1545907"/>
            <a:ext cx="10753725" cy="3766185"/>
          </a:xfrm>
        </p:spPr>
        <p:txBody>
          <a:bodyPr/>
          <a:lstStyle/>
          <a:p>
            <a:pPr marL="457200" indent="-457200">
              <a:buFont typeface="+mj-lt"/>
              <a:buAutoNum type="arabicParenR"/>
            </a:pPr>
            <a:endParaRPr lang="sv-SE" dirty="0">
              <a:solidFill>
                <a:schemeClr val="tx1"/>
              </a:solidFill>
            </a:endParaRPr>
          </a:p>
          <a:p>
            <a:pPr marL="457200" indent="-457200">
              <a:buFont typeface="+mj-lt"/>
              <a:buAutoNum type="arabicParenR"/>
            </a:pPr>
            <a:r>
              <a:rPr lang="sv-SE" dirty="0">
                <a:solidFill>
                  <a:schemeClr val="tx1"/>
                </a:solidFill>
              </a:rPr>
              <a:t>Säger HEJ och </a:t>
            </a:r>
            <a:r>
              <a:rPr lang="sv-SE" dirty="0" err="1">
                <a:solidFill>
                  <a:schemeClr val="tx1"/>
                </a:solidFill>
              </a:rPr>
              <a:t>hejjar</a:t>
            </a:r>
            <a:r>
              <a:rPr lang="sv-SE" dirty="0">
                <a:solidFill>
                  <a:schemeClr val="tx1"/>
                </a:solidFill>
              </a:rPr>
              <a:t> på alla i laget</a:t>
            </a:r>
          </a:p>
          <a:p>
            <a:pPr marL="457200" indent="-457200">
              <a:buFont typeface="+mj-lt"/>
              <a:buAutoNum type="arabicParenR"/>
            </a:pPr>
            <a:endParaRPr lang="sv-SE" dirty="0">
              <a:solidFill>
                <a:schemeClr val="tx1"/>
              </a:solidFill>
            </a:endParaRPr>
          </a:p>
          <a:p>
            <a:pPr marL="457200" indent="-457200">
              <a:buFont typeface="+mj-lt"/>
              <a:buAutoNum type="arabicParenR"/>
            </a:pPr>
            <a:r>
              <a:rPr lang="sv-SE" dirty="0">
                <a:solidFill>
                  <a:schemeClr val="tx1"/>
                </a:solidFill>
              </a:rPr>
              <a:t>Är en god kamrat, lämnar ingen utanför, ser sig uppmärksamt omkring</a:t>
            </a:r>
          </a:p>
          <a:p>
            <a:pPr marL="457200" indent="-457200">
              <a:buFont typeface="+mj-lt"/>
              <a:buAutoNum type="arabicParenR"/>
            </a:pPr>
            <a:endParaRPr lang="sv-SE" dirty="0">
              <a:solidFill>
                <a:schemeClr val="tx1"/>
              </a:solidFill>
            </a:endParaRPr>
          </a:p>
          <a:p>
            <a:pPr marL="457200" indent="-457200">
              <a:buFont typeface="+mj-lt"/>
              <a:buAutoNum type="arabicParenR"/>
            </a:pPr>
            <a:r>
              <a:rPr lang="sv-SE" dirty="0">
                <a:solidFill>
                  <a:schemeClr val="tx1"/>
                </a:solidFill>
              </a:rPr>
              <a:t>Lyssnar på tränarna och kommer förberedd</a:t>
            </a:r>
          </a:p>
          <a:p>
            <a:pPr marL="457200" indent="-457200">
              <a:buFont typeface="+mj-lt"/>
              <a:buAutoNum type="arabicParenR"/>
            </a:pPr>
            <a:endParaRPr lang="sv-SE" dirty="0">
              <a:solidFill>
                <a:schemeClr val="tx1"/>
              </a:solidFill>
            </a:endParaRPr>
          </a:p>
          <a:p>
            <a:pPr marL="457200" indent="-457200">
              <a:buFont typeface="+mj-lt"/>
              <a:buAutoNum type="arabicParenR"/>
            </a:pPr>
            <a:r>
              <a:rPr lang="sv-SE" dirty="0">
                <a:solidFill>
                  <a:schemeClr val="tx1"/>
                </a:solidFill>
              </a:rPr>
              <a:t>Vågar berätta om något känns jobbigt</a:t>
            </a:r>
          </a:p>
        </p:txBody>
      </p:sp>
    </p:spTree>
    <p:extLst>
      <p:ext uri="{BB962C8B-B14F-4D97-AF65-F5344CB8AC3E}">
        <p14:creationId xmlns:p14="http://schemas.microsoft.com/office/powerpoint/2010/main" val="351116033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67DDDB-E7A2-1933-C749-4773CF2212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8174" y="661686"/>
            <a:ext cx="10772775" cy="836898"/>
          </a:xfrm>
        </p:spPr>
        <p:txBody>
          <a:bodyPr>
            <a:normAutofit fontScale="90000"/>
          </a:bodyPr>
          <a:lstStyle/>
          <a:p>
            <a:br>
              <a:rPr lang="sv-SE" dirty="0"/>
            </a:br>
            <a:r>
              <a:rPr lang="sv-SE" dirty="0"/>
              <a:t>Schema</a:t>
            </a:r>
            <a:br>
              <a:rPr lang="sv-SE" dirty="0"/>
            </a:br>
            <a:br>
              <a:rPr lang="sv-SE" dirty="0"/>
            </a:br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36D3C06-8190-4B1B-4B7B-07BCBD323B6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7698" y="1248923"/>
            <a:ext cx="10753725" cy="5144062"/>
          </a:xfrm>
        </p:spPr>
        <p:txBody>
          <a:bodyPr>
            <a:normAutofit/>
          </a:bodyPr>
          <a:lstStyle/>
          <a:p>
            <a:pPr>
              <a:buFont typeface="Arial" panose="020B0604020202020204" pitchFamily="34" charset="0"/>
              <a:buChar char="•"/>
            </a:pPr>
            <a:r>
              <a:rPr lang="sv-SE" sz="2800" b="1" dirty="0">
                <a:solidFill>
                  <a:schemeClr val="tx1"/>
                </a:solidFill>
              </a:rPr>
              <a:t> 17.00 – 17.20 </a:t>
            </a:r>
            <a:r>
              <a:rPr lang="sv-SE" sz="2800" dirty="0">
                <a:solidFill>
                  <a:schemeClr val="tx1"/>
                </a:solidFill>
              </a:rPr>
              <a:t>Introduktion, presentation av truppen, seriespel, cuper, träningsregler </a:t>
            </a:r>
            <a:r>
              <a:rPr lang="sv-SE" sz="2800" dirty="0" err="1">
                <a:solidFill>
                  <a:schemeClr val="tx1"/>
                </a:solidFill>
              </a:rPr>
              <a:t>etc</a:t>
            </a:r>
            <a:endParaRPr lang="sv-SE" sz="2800" dirty="0">
              <a:solidFill>
                <a:schemeClr val="tx1"/>
              </a:solidFill>
            </a:endParaRPr>
          </a:p>
          <a:p>
            <a:pPr>
              <a:buFont typeface="Arial" panose="020B0604020202020204" pitchFamily="34" charset="0"/>
              <a:buChar char="•"/>
            </a:pPr>
            <a:r>
              <a:rPr lang="en-US" sz="2800" b="1" dirty="0">
                <a:solidFill>
                  <a:schemeClr val="tx1"/>
                </a:solidFill>
              </a:rPr>
              <a:t> 17.20-17.45</a:t>
            </a:r>
            <a:r>
              <a:rPr lang="en-US" sz="2800" dirty="0">
                <a:solidFill>
                  <a:schemeClr val="tx1"/>
                </a:solidFill>
              </a:rPr>
              <a:t> Middag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US" sz="2800" b="1" dirty="0">
                <a:solidFill>
                  <a:schemeClr val="tx1"/>
                </a:solidFill>
              </a:rPr>
              <a:t> 17.45-18.15 </a:t>
            </a:r>
            <a:r>
              <a:rPr lang="en-US" sz="2800" dirty="0">
                <a:solidFill>
                  <a:schemeClr val="tx1"/>
                </a:solidFill>
              </a:rPr>
              <a:t>Presentation av </a:t>
            </a:r>
            <a:r>
              <a:rPr lang="en-US" sz="2800" dirty="0" err="1">
                <a:solidFill>
                  <a:schemeClr val="tx1"/>
                </a:solidFill>
              </a:rPr>
              <a:t>värdegrundsfrågor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och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grupparbete</a:t>
            </a:r>
            <a:endParaRPr lang="en-US" sz="2800" dirty="0">
              <a:solidFill>
                <a:schemeClr val="tx1"/>
              </a:solidFill>
            </a:endParaRPr>
          </a:p>
          <a:p>
            <a:pPr marL="0" indent="0">
              <a:buNone/>
            </a:pPr>
            <a:r>
              <a:rPr lang="en-US" sz="2800" dirty="0">
                <a:solidFill>
                  <a:schemeClr val="tx1"/>
                </a:solidFill>
              </a:rPr>
              <a:t>	Vi </a:t>
            </a:r>
            <a:r>
              <a:rPr lang="en-US" sz="2800" dirty="0" err="1">
                <a:solidFill>
                  <a:schemeClr val="tx1"/>
                </a:solidFill>
              </a:rPr>
              <a:t>hämtar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efterrätt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och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sätter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oss</a:t>
            </a:r>
            <a:r>
              <a:rPr lang="en-US" sz="2800" dirty="0">
                <a:solidFill>
                  <a:schemeClr val="tx1"/>
                </a:solidFill>
              </a:rPr>
              <a:t> i </a:t>
            </a:r>
            <a:r>
              <a:rPr lang="en-US" sz="2800" dirty="0" err="1">
                <a:solidFill>
                  <a:schemeClr val="tx1"/>
                </a:solidFill>
              </a:rPr>
              <a:t>grupperna</a:t>
            </a:r>
            <a:endParaRPr lang="en-US" sz="2800" dirty="0">
              <a:solidFill>
                <a:schemeClr val="tx1"/>
              </a:solidFill>
            </a:endParaRPr>
          </a:p>
          <a:p>
            <a:pPr>
              <a:buFont typeface="Arial" panose="020B0604020202020204" pitchFamily="34" charset="0"/>
              <a:buChar char="•"/>
            </a:pPr>
            <a:r>
              <a:rPr lang="en-US" sz="2800" b="1" dirty="0">
                <a:solidFill>
                  <a:schemeClr val="tx1"/>
                </a:solidFill>
              </a:rPr>
              <a:t> 18.15-18.45 </a:t>
            </a:r>
            <a:r>
              <a:rPr lang="en-US" sz="2800" dirty="0">
                <a:solidFill>
                  <a:schemeClr val="tx1"/>
                </a:solidFill>
              </a:rPr>
              <a:t>Presentation av </a:t>
            </a:r>
            <a:r>
              <a:rPr lang="en-US" sz="2800" dirty="0" err="1">
                <a:solidFill>
                  <a:schemeClr val="tx1"/>
                </a:solidFill>
              </a:rPr>
              <a:t>färdigt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grupparbete</a:t>
            </a:r>
            <a:r>
              <a:rPr lang="en-US" sz="2800" dirty="0">
                <a:solidFill>
                  <a:schemeClr val="tx1"/>
                </a:solidFill>
              </a:rPr>
              <a:t>. </a:t>
            </a:r>
            <a:r>
              <a:rPr lang="en-US" sz="2800" dirty="0" err="1">
                <a:solidFill>
                  <a:schemeClr val="tx1"/>
                </a:solidFill>
              </a:rPr>
              <a:t>Uppdatera</a:t>
            </a:r>
            <a:r>
              <a:rPr lang="en-US" sz="2800" dirty="0">
                <a:solidFill>
                  <a:schemeClr val="tx1"/>
                </a:solidFill>
              </a:rPr>
              <a:t> F-12 </a:t>
            </a:r>
            <a:r>
              <a:rPr lang="en-US" sz="2800" dirty="0" err="1">
                <a:solidFill>
                  <a:schemeClr val="tx1"/>
                </a:solidFill>
              </a:rPr>
              <a:t>spelregler</a:t>
            </a:r>
            <a:r>
              <a:rPr lang="en-US" sz="2800" dirty="0">
                <a:solidFill>
                  <a:schemeClr val="tx1"/>
                </a:solidFill>
              </a:rPr>
              <a:t>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US" sz="2800" dirty="0">
                <a:solidFill>
                  <a:schemeClr val="tx1"/>
                </a:solidFill>
              </a:rPr>
              <a:t> 18.45-19.00 Vi </a:t>
            </a:r>
            <a:r>
              <a:rPr lang="en-US" sz="2800" dirty="0" err="1">
                <a:solidFill>
                  <a:schemeClr val="tx1"/>
                </a:solidFill>
              </a:rPr>
              <a:t>rör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oss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ut</a:t>
            </a:r>
            <a:r>
              <a:rPr lang="en-US" sz="2800" dirty="0">
                <a:solidFill>
                  <a:schemeClr val="tx1"/>
                </a:solidFill>
              </a:rPr>
              <a:t> för </a:t>
            </a:r>
            <a:r>
              <a:rPr lang="en-US" sz="2800" dirty="0" err="1">
                <a:solidFill>
                  <a:schemeClr val="tx1"/>
                </a:solidFill>
              </a:rPr>
              <a:t>lekar</a:t>
            </a:r>
            <a:endParaRPr lang="en-US" sz="2800" dirty="0">
              <a:solidFill>
                <a:schemeClr val="tx1"/>
              </a:solidFill>
            </a:endParaRPr>
          </a:p>
          <a:p>
            <a:pPr>
              <a:buFont typeface="Arial" panose="020B0604020202020204" pitchFamily="34" charset="0"/>
              <a:buChar char="•"/>
            </a:pPr>
            <a:r>
              <a:rPr lang="en-US" sz="2800" dirty="0">
                <a:solidFill>
                  <a:schemeClr val="tx1"/>
                </a:solidFill>
              </a:rPr>
              <a:t> 19.00-20.00 </a:t>
            </a:r>
            <a:r>
              <a:rPr lang="en-US" sz="2800" dirty="0" err="1">
                <a:solidFill>
                  <a:schemeClr val="tx1"/>
                </a:solidFill>
              </a:rPr>
              <a:t>Lekar</a:t>
            </a:r>
            <a:endParaRPr lang="en-US" sz="2800" dirty="0">
              <a:solidFill>
                <a:schemeClr val="tx1"/>
              </a:solidFill>
            </a:endParaRPr>
          </a:p>
          <a:p>
            <a:pPr>
              <a:buFont typeface="Arial" panose="020B0604020202020204" pitchFamily="34" charset="0"/>
              <a:buChar char="•"/>
            </a:pPr>
            <a:r>
              <a:rPr lang="en-US" sz="2800" dirty="0">
                <a:solidFill>
                  <a:schemeClr val="tx1"/>
                </a:solidFill>
              </a:rPr>
              <a:t> 20.00-20.30 </a:t>
            </a:r>
            <a:r>
              <a:rPr lang="en-US" sz="2800" dirty="0" err="1">
                <a:solidFill>
                  <a:schemeClr val="tx1"/>
                </a:solidFill>
              </a:rPr>
              <a:t>Återsamling</a:t>
            </a:r>
            <a:r>
              <a:rPr lang="en-US" sz="2800" dirty="0">
                <a:solidFill>
                  <a:schemeClr val="tx1"/>
                </a:solidFill>
              </a:rPr>
              <a:t> </a:t>
            </a:r>
            <a:r>
              <a:rPr lang="en-US" sz="2800" dirty="0" err="1">
                <a:solidFill>
                  <a:schemeClr val="tx1"/>
                </a:solidFill>
              </a:rPr>
              <a:t>glasläktaren</a:t>
            </a:r>
            <a:endParaRPr lang="en-US" sz="2800" dirty="0">
              <a:solidFill>
                <a:schemeClr val="tx1"/>
              </a:solidFill>
            </a:endParaRP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54991054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6E7AFEA-6C32-6BEF-1450-5FE94B45B395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>
            <a:normAutofit/>
          </a:bodyPr>
          <a:lstStyle/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Agnes A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Stella B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Asta B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Sofia B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Tova B</a:t>
            </a:r>
          </a:p>
          <a:p>
            <a:pPr marL="0" lvl="4" indent="0">
              <a:buNone/>
            </a:pPr>
            <a:r>
              <a:rPr lang="sv-SE" sz="1600" b="1" dirty="0" err="1">
                <a:solidFill>
                  <a:schemeClr val="tx1"/>
                </a:solidFill>
              </a:rPr>
              <a:t>Brendona</a:t>
            </a:r>
            <a:r>
              <a:rPr lang="sv-SE" sz="1600" b="1" dirty="0">
                <a:solidFill>
                  <a:schemeClr val="tx1"/>
                </a:solidFill>
              </a:rPr>
              <a:t> D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Tove EN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Tyra E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Melissa F</a:t>
            </a:r>
          </a:p>
          <a:p>
            <a:pPr marL="0" lvl="4" indent="0">
              <a:buNone/>
            </a:pPr>
            <a:r>
              <a:rPr lang="sv-SE" sz="1600" b="1" dirty="0" err="1">
                <a:solidFill>
                  <a:schemeClr val="tx1"/>
                </a:solidFill>
              </a:rPr>
              <a:t>Deshira</a:t>
            </a:r>
            <a:endParaRPr lang="sv-SE" sz="1600" b="1" dirty="0">
              <a:solidFill>
                <a:schemeClr val="tx1"/>
              </a:solidFill>
            </a:endParaRP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Leia G (paus)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Ellen H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Milla H</a:t>
            </a:r>
          </a:p>
          <a:p>
            <a:pPr marL="0" lvl="4" indent="0">
              <a:buNone/>
            </a:pPr>
            <a:r>
              <a:rPr lang="sv-SE" sz="1600" b="1" dirty="0">
                <a:solidFill>
                  <a:schemeClr val="tx1"/>
                </a:solidFill>
              </a:rPr>
              <a:t>Stina I</a:t>
            </a:r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D500C43A-F57B-369B-94CE-F6DEA6E791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sz="5400" b="1">
                <a:solidFill>
                  <a:schemeClr val="tx1"/>
                </a:solidFill>
              </a:rPr>
              <a:t>Truppen, just nu…</a:t>
            </a:r>
            <a:br>
              <a:rPr lang="sv-SE" sz="5400" b="1" dirty="0">
                <a:solidFill>
                  <a:schemeClr val="tx1"/>
                </a:solidFill>
              </a:rPr>
            </a:br>
            <a:endParaRPr lang="en-US" dirty="0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AAB32EB3-3B6F-7CEE-1AEE-5D891E76C58C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r>
              <a:rPr lang="sv-SE" sz="1600" b="1" dirty="0" err="1">
                <a:solidFill>
                  <a:schemeClr val="tx1"/>
                </a:solidFill>
              </a:rPr>
              <a:t>Mbabzi</a:t>
            </a:r>
            <a:r>
              <a:rPr lang="sv-SE" sz="1600" b="1" dirty="0">
                <a:solidFill>
                  <a:schemeClr val="tx1"/>
                </a:solidFill>
              </a:rPr>
              <a:t> K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Leah K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Clara K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Sofia K</a:t>
            </a:r>
          </a:p>
          <a:p>
            <a:r>
              <a:rPr lang="sv-SE" sz="1600" b="1" dirty="0" err="1">
                <a:solidFill>
                  <a:schemeClr val="tx1"/>
                </a:solidFill>
              </a:rPr>
              <a:t>Solomie</a:t>
            </a:r>
            <a:r>
              <a:rPr lang="sv-SE" sz="1600" b="1" dirty="0">
                <a:solidFill>
                  <a:schemeClr val="tx1"/>
                </a:solidFill>
              </a:rPr>
              <a:t> M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Agnes M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Gabriella N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Ines N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Lea N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Tove N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Vera N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Lova O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Meja P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Signe S</a:t>
            </a:r>
          </a:p>
          <a:p>
            <a:endParaRPr lang="sv-SE" sz="1400" b="1" dirty="0">
              <a:solidFill>
                <a:schemeClr val="tx1"/>
              </a:solidFill>
            </a:endParaRP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82D968D-0CF0-9DE9-AB36-354E8CB8EFAB}"/>
              </a:ext>
            </a:extLst>
          </p:cNvPr>
          <p:cNvSpPr>
            <a:spLocks noGrp="1"/>
          </p:cNvSpPr>
          <p:nvPr>
            <p:ph sz="quarter" idx="18"/>
          </p:nvPr>
        </p:nvSpPr>
        <p:spPr/>
        <p:txBody>
          <a:bodyPr/>
          <a:lstStyle/>
          <a:p>
            <a:r>
              <a:rPr lang="sv-SE" sz="1600" b="1" dirty="0">
                <a:solidFill>
                  <a:schemeClr val="tx1"/>
                </a:solidFill>
              </a:rPr>
              <a:t>Towa S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Signe W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Meja W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Tuva Å</a:t>
            </a:r>
          </a:p>
          <a:p>
            <a:r>
              <a:rPr lang="sv-SE" sz="1600" b="1" dirty="0" err="1">
                <a:solidFill>
                  <a:schemeClr val="tx1"/>
                </a:solidFill>
              </a:rPr>
              <a:t>Zvea</a:t>
            </a:r>
            <a:r>
              <a:rPr lang="sv-SE" sz="1600" b="1" dirty="0">
                <a:solidFill>
                  <a:schemeClr val="tx1"/>
                </a:solidFill>
              </a:rPr>
              <a:t> Ö</a:t>
            </a:r>
          </a:p>
          <a:p>
            <a:r>
              <a:rPr lang="sv-SE" sz="1600" b="1" dirty="0">
                <a:solidFill>
                  <a:schemeClr val="tx1"/>
                </a:solidFill>
              </a:rPr>
              <a:t>Molly Ö</a:t>
            </a:r>
          </a:p>
          <a:p>
            <a:endParaRPr lang="en-US" dirty="0"/>
          </a:p>
        </p:txBody>
      </p:sp>
      <p:sp>
        <p:nvSpPr>
          <p:cNvPr id="2" name="AutoShape 2">
            <a:extLst>
              <a:ext uri="{FF2B5EF4-FFF2-40B4-BE49-F238E27FC236}">
                <a16:creationId xmlns:a16="http://schemas.microsoft.com/office/drawing/2014/main" id="{0BE59063-2B0A-1F71-1A6D-4C6AE3CA24FF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34593707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F7AB2516-6D84-4DC7-A7E9-2C143927DF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94360" y="1209086"/>
            <a:ext cx="3876848" cy="4064925"/>
          </a:xfrm>
        </p:spPr>
        <p:txBody>
          <a:bodyPr anchor="ctr">
            <a:normAutofit/>
          </a:bodyPr>
          <a:lstStyle/>
          <a:p>
            <a:br>
              <a:rPr lang="sv-SE" sz="2800" dirty="0"/>
            </a:br>
            <a:br>
              <a:rPr lang="sv-SE" sz="2800" dirty="0"/>
            </a:br>
            <a:r>
              <a:rPr lang="sv-SE" sz="2800" dirty="0"/>
              <a:t>Matcher/Seriespel</a:t>
            </a:r>
            <a:br>
              <a:rPr lang="sv-SE" sz="2800" dirty="0"/>
            </a:br>
            <a:br>
              <a:rPr lang="sv-SE" sz="2800" dirty="0"/>
            </a:br>
            <a:endParaRPr lang="sv-SE" sz="2800" dirty="0"/>
          </a:p>
        </p:txBody>
      </p:sp>
      <p:graphicFrame>
        <p:nvGraphicFramePr>
          <p:cNvPr id="5" name="Platshållare för innehåll 2">
            <a:extLst>
              <a:ext uri="{FF2B5EF4-FFF2-40B4-BE49-F238E27FC236}">
                <a16:creationId xmlns:a16="http://schemas.microsoft.com/office/drawing/2014/main" id="{B7226EA2-E255-933A-EEBE-AACAE5433B7E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5614416" y="457200"/>
          <a:ext cx="6117336" cy="569671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5544035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F7AB2516-6D84-4DC7-A7E9-2C143927DF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94360" y="1209086"/>
            <a:ext cx="3876848" cy="4064925"/>
          </a:xfrm>
        </p:spPr>
        <p:txBody>
          <a:bodyPr anchor="ctr">
            <a:normAutofit/>
          </a:bodyPr>
          <a:lstStyle/>
          <a:p>
            <a:br>
              <a:rPr lang="sv-SE" sz="2800" dirty="0"/>
            </a:br>
            <a:br>
              <a:rPr lang="sv-SE" sz="2800" dirty="0"/>
            </a:br>
            <a:r>
              <a:rPr lang="sv-SE" sz="2800" dirty="0"/>
              <a:t>Cuper- bokade</a:t>
            </a:r>
            <a:br>
              <a:rPr lang="sv-SE" sz="2800" dirty="0"/>
            </a:br>
            <a:r>
              <a:rPr lang="sv-SE" sz="1800" dirty="0"/>
              <a:t>Blir säkert några lokala utöver dessa</a:t>
            </a:r>
            <a:br>
              <a:rPr lang="sv-SE" sz="2800" dirty="0"/>
            </a:br>
            <a:br>
              <a:rPr lang="sv-SE" sz="2800" dirty="0"/>
            </a:br>
            <a:endParaRPr lang="sv-SE" sz="2800" dirty="0"/>
          </a:p>
        </p:txBody>
      </p:sp>
      <p:graphicFrame>
        <p:nvGraphicFramePr>
          <p:cNvPr id="5" name="Platshållare för innehåll 2">
            <a:extLst>
              <a:ext uri="{FF2B5EF4-FFF2-40B4-BE49-F238E27FC236}">
                <a16:creationId xmlns:a16="http://schemas.microsoft.com/office/drawing/2014/main" id="{B7226EA2-E255-933A-EEBE-AACAE5433B7E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5614416" y="457200"/>
          <a:ext cx="6117336" cy="569671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59478094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B9D70A99-FD48-43A2-9F5E-778C0C68051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/>
              <a:t>Nya medlemmar &amp; ”gamla” medlemmar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000458D0-7330-4BBE-8938-B3A7BD1A0A9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20000"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sv-SE" sz="1800" b="1" kern="100" dirty="0">
                <a:solidFill>
                  <a:schemeClr val="tx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ar vi något </a:t>
            </a:r>
            <a:r>
              <a:rPr lang="sv-SE" sz="1800" b="1" kern="100" dirty="0" err="1">
                <a:solidFill>
                  <a:schemeClr val="tx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maxtak</a:t>
            </a:r>
            <a:r>
              <a:rPr lang="sv-SE" sz="1800" b="1" kern="100" dirty="0">
                <a:solidFill>
                  <a:schemeClr val="tx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?</a:t>
            </a:r>
          </a:p>
          <a:p>
            <a:pPr lvl="1">
              <a:lnSpc>
                <a:spcPct val="107000"/>
              </a:lnSpc>
              <a:spcAft>
                <a:spcPts val="800"/>
              </a:spcAft>
            </a:pPr>
            <a:r>
              <a:rPr lang="sv-SE" sz="14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40st – Blir det fler så tar vi en dialog med kansliet för att diskutera upplägg. </a:t>
            </a:r>
          </a:p>
          <a:p>
            <a:pPr lvl="1">
              <a:lnSpc>
                <a:spcPct val="107000"/>
              </a:lnSpc>
              <a:spcAft>
                <a:spcPts val="800"/>
              </a:spcAft>
            </a:pPr>
            <a:r>
              <a:rPr lang="sv-SE" sz="14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Ett förslag innan vi når taket är att man ser över möjlighet att börja i F13, vi har inte pratat med F13 om detta ännu men kan bli aktuellt	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sv-SE" sz="1800" b="1" kern="100" dirty="0">
                <a:solidFill>
                  <a:schemeClr val="tx1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år alla spela matcher?</a:t>
            </a:r>
          </a:p>
          <a:p>
            <a:pPr lvl="1">
              <a:lnSpc>
                <a:spcPct val="107000"/>
              </a:lnSpc>
              <a:spcAft>
                <a:spcPts val="800"/>
              </a:spcAft>
            </a:pPr>
            <a:r>
              <a:rPr lang="sv-SE" sz="1400" kern="1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När spelaren kan r</a:t>
            </a:r>
            <a:r>
              <a:rPr lang="sv-SE" sz="14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egler, grundläggande teknik </a:t>
            </a:r>
          </a:p>
          <a:p>
            <a:pPr lvl="1">
              <a:lnSpc>
                <a:spcPct val="107000"/>
              </a:lnSpc>
              <a:spcAft>
                <a:spcPts val="800"/>
              </a:spcAft>
            </a:pPr>
            <a:r>
              <a:rPr lang="sv-SE" sz="14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Vara med på träningar, träningsflit.</a:t>
            </a:r>
          </a:p>
          <a:p>
            <a:pPr lvl="1">
              <a:lnSpc>
                <a:spcPct val="107000"/>
              </a:lnSpc>
              <a:spcAft>
                <a:spcPts val="800"/>
              </a:spcAft>
            </a:pPr>
            <a:r>
              <a:rPr lang="sv-SE" sz="14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Träningsflit gäller även annan träning, detta ska i så fall skrivas in vid frånvaro på laget.se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sv-SE" sz="1800" b="1" kern="100" dirty="0">
                <a:solidFill>
                  <a:schemeClr val="tx1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Anpassad träning</a:t>
            </a:r>
          </a:p>
          <a:p>
            <a:pPr lvl="1">
              <a:lnSpc>
                <a:spcPct val="107000"/>
              </a:lnSpc>
              <a:spcAft>
                <a:spcPts val="800"/>
              </a:spcAft>
            </a:pPr>
            <a:r>
              <a:rPr lang="sv-SE" sz="14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vårt</a:t>
            </a:r>
            <a:r>
              <a:rPr lang="sv-SE" sz="1400" kern="1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, men vi kommer att försöka vissa träningar att anpassa svårighetsgraden. Ex passningar. Här kan man dela in i grupper, korta, mellan, långa. Viktigt att träningarna blir lagom utmanande för alla</a:t>
            </a:r>
            <a:r>
              <a:rPr lang="sv-SE" sz="14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</a:t>
            </a:r>
            <a:endParaRPr lang="sv-SE" sz="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282080495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1598594D-E74E-E02B-1A10-4BBB6E20A1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1CF93BA4-7F3C-6DEB-0C35-5D4C322FFC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60267" y="-163076"/>
            <a:ext cx="10772775" cy="1658198"/>
          </a:xfrm>
        </p:spPr>
        <p:txBody>
          <a:bodyPr/>
          <a:lstStyle/>
          <a:p>
            <a:r>
              <a:rPr lang="sv-SE" dirty="0"/>
              <a:t>Spelregler 9 mot 9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8DDEED6D-8888-C39C-B643-7F902BE446A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endParaRPr lang="sv-SE" sz="1800" b="1" kern="100" dirty="0">
              <a:solidFill>
                <a:schemeClr val="tx1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sv-SE" dirty="0"/>
          </a:p>
        </p:txBody>
      </p:sp>
      <p:pic>
        <p:nvPicPr>
          <p:cNvPr id="4" name="Bildobjekt 3" descr="En bild som visar text, skärmbild, Teckensnitt, nummer&#10;&#10;AI-genererat innehåll kan vara felaktigt.">
            <a:extLst>
              <a:ext uri="{FF2B5EF4-FFF2-40B4-BE49-F238E27FC236}">
                <a16:creationId xmlns:a16="http://schemas.microsoft.com/office/drawing/2014/main" id="{CBAF94FF-7047-FA49-D951-DF0102ED4C7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8060" y="1168400"/>
            <a:ext cx="6000750" cy="5029200"/>
          </a:xfrm>
          <a:prstGeom prst="rect">
            <a:avLst/>
          </a:prstGeom>
        </p:spPr>
      </p:pic>
      <p:pic>
        <p:nvPicPr>
          <p:cNvPr id="5" name="Bildobjekt 4" descr="En bild som visar text, skärmbild, Teckensnitt&#10;&#10;AI-genererat innehåll kan vara felaktigt.">
            <a:extLst>
              <a:ext uri="{FF2B5EF4-FFF2-40B4-BE49-F238E27FC236}">
                <a16:creationId xmlns:a16="http://schemas.microsoft.com/office/drawing/2014/main" id="{5F1BE442-1E80-6603-60DF-7017AD6B7C0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88872" y="1166812"/>
            <a:ext cx="5067300" cy="3000375"/>
          </a:xfrm>
          <a:prstGeom prst="rect">
            <a:avLst/>
          </a:prstGeom>
        </p:spPr>
      </p:pic>
      <p:pic>
        <p:nvPicPr>
          <p:cNvPr id="6" name="Bildobjekt 5" descr="En bild som visar text, skärmbild, Teckensnitt, nummer&#10;&#10;AI-genererat innehåll kan vara felaktigt.">
            <a:extLst>
              <a:ext uri="{FF2B5EF4-FFF2-40B4-BE49-F238E27FC236}">
                <a16:creationId xmlns:a16="http://schemas.microsoft.com/office/drawing/2014/main" id="{9E5717E3-E755-FEE6-8826-940023E1F53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85972" y="4867895"/>
            <a:ext cx="5371273" cy="13297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0064097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C48EA139-704D-7364-21AA-DD009E1AD8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0E14A02-323F-CC55-2920-2A49710A4D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ea typeface="Calibri Light"/>
                <a:cs typeface="Calibri Light"/>
              </a:rPr>
              <a:t>Offside?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0D2C118D-0072-0E25-151B-265503E0DEF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endParaRPr lang="sv-SE" sz="1400" kern="100" dirty="0">
              <a:solidFill>
                <a:schemeClr val="tx1">
                  <a:lumMod val="75000"/>
                  <a:lumOff val="25000"/>
                </a:schemeClr>
              </a:solidFill>
              <a:effectLst/>
              <a:latin typeface="Calibri Light"/>
              <a:ea typeface="Calibri Light"/>
              <a:cs typeface="Calibri Light"/>
            </a:endParaRPr>
          </a:p>
          <a:p>
            <a:endParaRPr lang="sv-SE" dirty="0"/>
          </a:p>
        </p:txBody>
      </p:sp>
      <p:pic>
        <p:nvPicPr>
          <p:cNvPr id="4" name="Bildobjekt 3" descr="En bild som visar skärmbild, grön, diagram, cirkel&#10;&#10;AI-genererat innehåll kan vara felaktigt.">
            <a:extLst>
              <a:ext uri="{FF2B5EF4-FFF2-40B4-BE49-F238E27FC236}">
                <a16:creationId xmlns:a16="http://schemas.microsoft.com/office/drawing/2014/main" id="{64ABDA4F-B7B5-D092-8E81-3BC490003EC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6502" y="2389951"/>
            <a:ext cx="3638550" cy="3571875"/>
          </a:xfrm>
          <a:prstGeom prst="rect">
            <a:avLst/>
          </a:prstGeom>
        </p:spPr>
      </p:pic>
      <p:pic>
        <p:nvPicPr>
          <p:cNvPr id="5" name="Bildobjekt 4" descr="En bild som visar skärmbild, grön, cirkel, diagram&#10;&#10;AI-genererat innehåll kan vara felaktigt.">
            <a:extLst>
              <a:ext uri="{FF2B5EF4-FFF2-40B4-BE49-F238E27FC236}">
                <a16:creationId xmlns:a16="http://schemas.microsoft.com/office/drawing/2014/main" id="{EC3D0C78-4908-5B19-C0B8-733343C63EC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09928" y="2360682"/>
            <a:ext cx="3590925" cy="3638550"/>
          </a:xfrm>
          <a:prstGeom prst="rect">
            <a:avLst/>
          </a:prstGeom>
        </p:spPr>
      </p:pic>
      <p:pic>
        <p:nvPicPr>
          <p:cNvPr id="6" name="Bildobjekt 5" descr="En bild som visar grön, skärmbild, cirkel, design&#10;&#10;AI-genererat innehåll kan vara felaktigt.">
            <a:extLst>
              <a:ext uri="{FF2B5EF4-FFF2-40B4-BE49-F238E27FC236}">
                <a16:creationId xmlns:a16="http://schemas.microsoft.com/office/drawing/2014/main" id="{D3F5F64D-E043-26FB-49FC-D94FBC31FA6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19587" y="2387738"/>
            <a:ext cx="3552825" cy="3562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840119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3BBDC8A-0B8D-4729-82B2-69D17F24F4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sz="4400" dirty="0"/>
              <a:t>Förväntningar</a:t>
            </a:r>
            <a:br>
              <a:rPr lang="sv-SE" sz="4400" dirty="0"/>
            </a:br>
            <a:endParaRPr lang="sv-SE" dirty="0"/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4A306DC6-131C-46BF-ABFD-B57427B901E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7698" y="2049780"/>
            <a:ext cx="10753725" cy="3766185"/>
          </a:xfrm>
        </p:spPr>
        <p:txBody>
          <a:bodyPr/>
          <a:lstStyle/>
          <a:p>
            <a:r>
              <a:rPr lang="sv-SE" sz="1800" kern="100" dirty="0">
                <a:solidFill>
                  <a:schemeClr val="tx1"/>
                </a:solidFill>
                <a:latin typeface="Calibri" panose="020F0502020204030204" pitchFamily="34" charset="0"/>
                <a:cs typeface="Times New Roman" panose="02020603050405020304" pitchFamily="18" charset="0"/>
              </a:rPr>
              <a:t>Fokus på träningarna- kom gärna 10 min innan för att hinna göra sig klar och prata med kompisar</a:t>
            </a:r>
          </a:p>
          <a:p>
            <a:r>
              <a:rPr lang="sv-SE" sz="1800" kern="100" dirty="0">
                <a:solidFill>
                  <a:schemeClr val="tx1"/>
                </a:solidFill>
                <a:latin typeface="Calibri" panose="020F0502020204030204" pitchFamily="34" charset="0"/>
                <a:cs typeface="Times New Roman" panose="02020603050405020304" pitchFamily="18" charset="0"/>
              </a:rPr>
              <a:t>Vattenflaska, benskydd, ta ur örhängen, fått i sig mat innan träning så att man orkar- vad är bra mat?</a:t>
            </a:r>
          </a:p>
          <a:p>
            <a:r>
              <a:rPr lang="sv-SE" sz="1800" kern="100" dirty="0">
                <a:solidFill>
                  <a:schemeClr val="tx1"/>
                </a:solidFill>
                <a:latin typeface="Calibri" panose="020F0502020204030204" pitchFamily="34" charset="0"/>
                <a:cs typeface="Times New Roman" panose="02020603050405020304" pitchFamily="18" charset="0"/>
              </a:rPr>
              <a:t>Svara på kallelser, detta för att vi ska kunna planera träningen bättre. Svara så fort ni vet om barnet kommer eller inte, skriv gärna in varför om man inte kan</a:t>
            </a:r>
          </a:p>
          <a:p>
            <a:r>
              <a:rPr lang="sv-SE" sz="1800" kern="100" dirty="0">
                <a:solidFill>
                  <a:schemeClr val="tx1"/>
                </a:solidFill>
                <a:latin typeface="Calibri" panose="020F0502020204030204" pitchFamily="34" charset="0"/>
                <a:cs typeface="Times New Roman" panose="02020603050405020304" pitchFamily="18" charset="0"/>
              </a:rPr>
              <a:t>Vinner som ett lag, förlorar som ett lag. Tacka domare och motspelare, inte gnälla på domare. </a:t>
            </a:r>
          </a:p>
          <a:p>
            <a:r>
              <a:rPr lang="sv-SE" sz="1800" kern="100" dirty="0">
                <a:solidFill>
                  <a:schemeClr val="tx1"/>
                </a:solidFill>
                <a:latin typeface="Calibri" panose="020F0502020204030204" pitchFamily="34" charset="0"/>
                <a:cs typeface="Times New Roman" panose="02020603050405020304" pitchFamily="18" charset="0"/>
              </a:rPr>
              <a:t>Att ni säger till om ert barn behöver extra stöd med något? </a:t>
            </a:r>
          </a:p>
          <a:p>
            <a:endParaRPr lang="sv-SE" dirty="0"/>
          </a:p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62402304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Metropolitan">
  <a:themeElements>
    <a:clrScheme name="Metropolitan">
      <a:dk1>
        <a:srgbClr val="000000"/>
      </a:dk1>
      <a:lt1>
        <a:srgbClr val="FFFFFF"/>
      </a:lt1>
      <a:dk2>
        <a:srgbClr val="303034"/>
      </a:dk2>
      <a:lt2>
        <a:srgbClr val="DFDFE4"/>
      </a:lt2>
      <a:accent1>
        <a:srgbClr val="00AEEF"/>
      </a:accent1>
      <a:accent2>
        <a:srgbClr val="8CC600"/>
      </a:accent2>
      <a:accent3>
        <a:srgbClr val="FFBE00"/>
      </a:accent3>
      <a:accent4>
        <a:srgbClr val="FF0097"/>
      </a:accent4>
      <a:accent5>
        <a:srgbClr val="0071BC"/>
      </a:accent5>
      <a:accent6>
        <a:srgbClr val="FF8600"/>
      </a:accent6>
      <a:hlink>
        <a:srgbClr val="2424F0"/>
      </a:hlink>
      <a:folHlink>
        <a:srgbClr val="808080"/>
      </a:folHlink>
    </a:clrScheme>
    <a:fontScheme name="Metropolitan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Metropolitan">
      <a:fillStyleLst>
        <a:solidFill>
          <a:schemeClr val="phClr"/>
        </a:solidFill>
        <a:gradFill rotWithShape="1">
          <a:gsLst>
            <a:gs pos="0">
              <a:schemeClr val="phClr">
                <a:tint val="70000"/>
                <a:satMod val="100000"/>
                <a:lumMod val="110000"/>
              </a:schemeClr>
            </a:gs>
            <a:gs pos="50000">
              <a:schemeClr val="phClr">
                <a:tint val="75000"/>
                <a:satMod val="101000"/>
                <a:lumMod val="105000"/>
              </a:schemeClr>
            </a:gs>
            <a:gs pos="100000">
              <a:schemeClr val="phClr">
                <a:tint val="82000"/>
                <a:satMod val="104000"/>
                <a:lumMod val="105000"/>
              </a:schemeClr>
            </a:gs>
          </a:gsLst>
          <a:lin ang="2700000" scaled="0"/>
        </a:gradFill>
        <a:gradFill rotWithShape="1">
          <a:gsLst>
            <a:gs pos="0">
              <a:schemeClr val="phClr">
                <a:tint val="97000"/>
                <a:satMod val="100000"/>
                <a:lumMod val="102000"/>
              </a:schemeClr>
            </a:gs>
            <a:gs pos="50000">
              <a:schemeClr val="phClr">
                <a:shade val="100000"/>
                <a:satMod val="100000"/>
                <a:lumMod val="100000"/>
              </a:schemeClr>
            </a:gs>
            <a:gs pos="100000">
              <a:schemeClr val="phClr">
                <a:shade val="80000"/>
                <a:satMod val="100000"/>
                <a:lumMod val="99000"/>
              </a:schemeClr>
            </a:gs>
          </a:gsLst>
          <a:lin ang="2700000" scaled="0"/>
        </a:gradFill>
      </a:fillStyleLst>
      <a:lnStyleLst>
        <a:ln w="9525" cap="flat" cmpd="sng" algn="ctr">
          <a:solidFill>
            <a:schemeClr val="phClr"/>
          </a:solidFill>
          <a:prstDash val="solid"/>
        </a:ln>
        <a:ln w="127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solidFill>
          <a:schemeClr val="phClr">
            <a:shade val="95000"/>
            <a:satMod val="170000"/>
          </a:schemeClr>
        </a:soli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Metropolitan" id="{4C5440D6-04D2-4954-96CF-F251137069B2}" vid="{9FF7CA0D-8839-4012-B51C-B152F9BD65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TemplateConfiguration><![CDATA[{"slideVersion":1,"isValidatorEnabled":false,"isLocked":false,"elementsMetadata":[],"slideId":"1131510869412544514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7C0B5E8C28FBB4DB6BB6E6547CA8A70" ma:contentTypeVersion="14" ma:contentTypeDescription="Create a new document." ma:contentTypeScope="" ma:versionID="4c6617896dbd6066d418e5883b6ed562">
  <xsd:schema xmlns:xsd="http://www.w3.org/2001/XMLSchema" xmlns:xs="http://www.w3.org/2001/XMLSchema" xmlns:p="http://schemas.microsoft.com/office/2006/metadata/properties" xmlns:ns3="8f1e2369-70da-40d7-b978-99d0855b91b8" xmlns:ns4="8ee28f6f-733e-446a-845c-015b8614e1f7" targetNamespace="http://schemas.microsoft.com/office/2006/metadata/properties" ma:root="true" ma:fieldsID="7beb73ffafaeb73ea273bd43962ac528" ns3:_="" ns4:_="">
    <xsd:import namespace="8f1e2369-70da-40d7-b978-99d0855b91b8"/>
    <xsd:import namespace="8ee28f6f-733e-446a-845c-015b8614e1f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DateTaken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Location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1e2369-70da-40d7-b978-99d0855b91b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e28f6f-733e-446a-845c-015b8614e1f7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5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Audience_Storefront","dataSourceFieldName":"InternalExternal","filterCondition":{"type":"and","conditions":[{"type":"userProfileFieldMatch","userProfileFieldName":"DocumentLanguage","dataSourceFieldName":"LanguageRef"},{"type":"userProfileFieldMatch","userProfileFieldName":"OfferingPortfolio","dataSourceFieldName":"OfferingPortfolioRef"}]},"name":"InternalExternal","label":"Audience"}],"formDataEntries":[{"name":"InternalExternal","value":"CokMcPqsTYKfuyaumXAkgg=="}]}]]></TemplafyFormConfiguration>
</file>

<file path=customXml/item5.xml><?xml version="1.0" encoding="utf-8"?>
<TemplafyTemplateConfiguration><![CDATA[{"elementsMetadata":[{"type":"shape","id":"c9a75cfc-7a39-4fad-a03e-2c362df112ec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29409f92-e03f-4e16-b455-cb619ea8cb11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09ac6058-b136-4f0d-94f6-515942424fd1","elementConfiguration":{"inheritDimensions":"{{InheritDimensions.InheritNone}}","width":"{{UserProfile.LegalEntity.LogoRef.PpWidescreenNormLogoWidth}}","height":"","image":"{{UserProfile.LegalEntity.LogoRef.ImageFileRef.ImageFile}}","visibility":"","type":"image","disableUpdates":false}},{"type":"shape","id":"4e38b726-7b85-4e6c-890b-5b716d616e30","elementConfiguration":{"binding":"{{IfElse(Equals(UserProfile.DocumentLanguage.LanguageRef.Name, \"Icelandic (Iceland) (is-IS)\"), IfElse(Equals(Form.InternalExternal.AudienceType, \"Internal\"), StringJoin(\"\n\n\", UserProfile.LegalEntity.DisclaimerRef.DisclaimerS_ISL, UserProfile.LegalEntity.DisclaimerRef.DisclaimerP_Brand, UserProfile.LegalEntity.DisclaimerRef.DisclaimerD_Internal_ISL, StringJoin(\" \", UserProfile.LegalEntity.DisclaimerRef.Confidential_Internal_ISL, UserProfile.LegalEntity.DisclaimerRef.DisclaimerC, UserProfile.LegalEntity.DisclaimerRef.ActiveYearPPTBlank, UserProfile.LegalEntity.LegalEntity)), IfElse(Equals(Form.InternalExternal.AudienceType, \"External\"), StringJoin(\"\n\n\", UserProfile.LegalEntity.DisclaimerRef.DisclaimerS_ISL, UserProfile.LegalEntity.DisclaimerRef.DisclaimerP_Brand, UserProfile.LegalEntity.DisclaimerRef.DisclaimerP_ISL, UserProfile.LegalEntity.DisclaimerRef.DisclaimerD_External_ISL, StringJoin(\" \", UserProfile.LegalEntity.DisclaimerRef.DisclaimerC, UserProfile.LegalEntity.DisclaimerRef.ActiveYearPPTBlank, UserProfile.LegalEntity.LegalEntity)), IfElse(Equals(Form.InternalExternal.AudienceType, \"Client advice external\"), StringJoin(\"\n\n\", UserProfile.LegalEntity.DisclaimerRef.DisclaimerS_ISL, UserProfile.LegalEntity.DisclaimerRef.DisclaimerP_Brand, UserProfile.LegalEntity.DisclaimerRef.DisclaimerP_ISL, UserProfile.LegalEntity.DisclaimerRef.DisclaimerD_ClientExternal_ISL, StringJoin(\" \", UserProfile.LegalEntity.DisclaimerRef.DisclaimerC, UserProfile.LegalEntity.DisclaimerRef.ActiveYearPPTBlank, UserProfile.LegalEntity.LegalEntity)), StringJoin(\"\n\n\", UserProfile.LegalEntity.DisclaimerRef.DisclaimerS_ISL, UserProfile.LegalEntity.DisclaimerRef.DisclaimerP_Brand, UserProfile.LegalEntity.DisclaimerRef.DisclaimerP_ISL, UserProfile.LegalEntity.DisclaimerRef.DisclaimerD_External_ISL, StringJoin(\" \", UserProfile.LegalEntity.DisclaimerRef.DisclaimerC, UserProfile.LegalEntity.DisclaimerRef.ActiveYearPPTBlank, UserProfile.LegalEntity.LegalEntity))))), IfElse(Equals(Form.InternalExternal.AudienceType, \"Internal\"), StringJoin(\"\n\n\", UserProfile.LegalEntity.DisclaimerRef.DisclaimerS, UserProfile.LegalEntity.DisclaimerRef.DisclaimerP_Brand, UserProfile.LegalEntity.DisclaimerRef.DisclaimerD_Internal, StringJoin(\" \", UserProfile.LegalEntity.DisclaimerRef.Confidential_Internal, UserProfile.LegalEntity.DisclaimerRef.DisclaimerC, UserProfile.LegalEntity.DisclaimerRef.ActiveYearPPTBlank, UserProfile.LegalEntity.LegalEntity)), IfElse(Equals(Form.InternalExternal.AudienceType, \"External\"), StringJoin(\"\n\n\", UserProfile.LegalEntity.DisclaimerRef.DisclaimerS, UserProfile.LegalEntity.DisclaimerRef.DisclaimerP_Brand, UserProfile.LegalEntity.DisclaimerRef.DisclaimerP, UserProfile.LegalEntity.DisclaimerRef.DisclaimerD_External, StringJoin(\" \", UserProfile.LegalEntity.DisclaimerRef.DisclaimerC, UserProfile.LegalEntity.DisclaimerRef.ActiveYearPPTBlank, UserProfile.LegalEntity.LegalEntity)), IfElse(Equals(Form.InternalExternal.AudienceType, \"Client advice external\"), StringJoin(\"\n\n\", UserProfile.LegalEntity.DisclaimerRef.DisclaimerS, UserProfile.LegalEntity.DisclaimerRef.DisclaimerP_Brand, UserProfile.LegalEntity.DisclaimerRef.DisclaimerP, UserProfile.LegalEntity.DisclaimerRef.DisclaimerD_ClientExternal, StringJoin(\" \", UserProfile.LegalEntity.DisclaimerRef.DisclaimerC, UserProfile.LegalEntity.DisclaimerRef.ActiveYearPPTBlank, UserProfile.LegalEntity.LegalEntity)), StringJoin(\"\n\n\", UserProfile.LegalEntity.DisclaimerRef.DisclaimerS, UserProfile.LegalEntity.DisclaimerRef.DisclaimerP_Brand, UserProfile.LegalEntity.DisclaimerRef.DisclaimerP, UserProfile.LegalEntity.DisclaimerRef.DisclaimerD_External, StringJoin(\" \", UserProfile.LegalEntity.DisclaimerRef.DisclaimerC, UserProfile.LegalEntity.DisclaimerRef.ActiveYearPPTBlank, UserProfile.LegalEntity.LegalEntity))))))}}","visibility":"","type":"text","disableUpdates":false}},{"type":"shape","id":"5051d2d9-93ee-46ed-a98b-40ee35bf7c75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d1c625b4-2c89-4e76-acc2-83dd18764efd","elementConfiguration":{"inheritDimensions":"{{InheritDimensions.InheritNone}}","width":"{{UserProfile.LegalEntity.LogoRef.PpWidescreenNormLogoWidth}}","height":"","image":"{{UserProfile.LegalEntity.LogoRef.ImageWhiteFileRef.ImageFile}}","visibility":"","type":"image","disableUpdates":false}},{"type":"shape","id":"3225b5fd-6b46-4f1c-a430-b057817ceaca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0eec9b49-fdcd-42b7-a6d0-aaf7c1d3b949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36df622f-1601-425f-8c87-dbca60c0f79a","elementConfiguration":{"inheritDimensions":"{{InheritDimensions.InheritNone}}","width":"{{UserProfile.LegalEntity.LogoRef.PpWidescreenNormLogoWidth}}","height":"","image":"{{UserProfile.LegalEntity.LogoRef.ImageWhiteFileRef.ImageFile}}","visibility":"","type":"image","disableUpdates":false}},{"type":"shape","id":"58c6c9ed-ee13-40a8-b6ff-398ea4302e45","elementConfiguration":{"inheritDimensions":"{{InheritDimensions.InheritNone}}","width":"{{UserProfile.LegalEntity.LogoRef.PpWidescreenNormLogoWidth}}","height":"","image":"{{UserProfile.LegalEntity.LogoRef.ImageFileRef.ImageFile}}","visibility":"","type":"image","disableUpdates":false}},{"type":"shape","id":"b0e5412d-c632-4ea2-ae21-5839add9ec17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403f63be-a34a-4a4f-9088-6044f33174d6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8f436200-9bd8-4b55-a968-1425df611dec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87f7c814-a5ec-4419-b939-d93f08c5f9e5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7708ba23-ae99-4c79-97c8-0e1003ec9c12","elementConfiguration":{"inheritDimensions":"{{InheritDimensions.InheritNone}}","width":"{{UserProfile.LegalEntity.LogoRef.PpWidescreenNormLogoWidth}}","height":"","image":"{{UserProfile.LegalEntity.LogoRef.ImageWhiteFileRef.ImageFile}}","visibility":"","type":"image","disableUpdates":false}},{"type":"shape","id":"65afb09c-5c6a-4aa1-89c8-1f80c2f57b45","elementConfiguration":{"binding":"{{IfElse(Equals(UserProfile.DocumentLanguage.LanguageRef.Name, \"Icelandic (Iceland) (is-IS)\"), IfElse(Equals(Form.InternalExternal.AudienceType, \"Internal\"), StringJoin(\"\n\n\", UserProfile.LegalEntity.DisclaimerRef.DisclaimerS_ISL, UserProfile.LegalEntity.DisclaimerRef.DisclaimerP_Brand, UserProfile.LegalEntity.DisclaimerRef.DisclaimerD_Internal_ISL, StringJoin(\" \", UserProfile.LegalEntity.DisclaimerRef.Confidential_Internal_ISL, UserProfile.LegalEntity.DisclaimerRef.DisclaimerC, UserProfile.LegalEntity.DisclaimerRef.ActiveYearPPTBlank, UserProfile.LegalEntity.LegalEntity)), IfElse(Equals(Form.InternalExternal.AudienceType, \"External\"), StringJoin(\"\n\n\", UserProfile.LegalEntity.DisclaimerRef.DisclaimerS_ISL, UserProfile.LegalEntity.DisclaimerRef.DisclaimerP_Brand, UserProfile.LegalEntity.DisclaimerRef.DisclaimerP_ISL, UserProfile.LegalEntity.DisclaimerRef.DisclaimerD_External_ISL, StringJoin(\" \", UserProfile.LegalEntity.DisclaimerRef.DisclaimerC, UserProfile.LegalEntity.DisclaimerRef.ActiveYearPPTBlank, UserProfile.LegalEntity.LegalEntity)), IfElse(Equals(Form.InternalExternal.AudienceType, \"Client advice external\"), StringJoin(\"\n\n\", UserProfile.LegalEntity.DisclaimerRef.DisclaimerS_ISL, UserProfile.LegalEntity.DisclaimerRef.DisclaimerP_Brand, UserProfile.LegalEntity.DisclaimerRef.DisclaimerP_ISL, UserProfile.LegalEntity.DisclaimerRef.DisclaimerD_ClientExternal_ISL, StringJoin(\" \", UserProfile.LegalEntity.DisclaimerRef.DisclaimerC, UserProfile.LegalEntity.DisclaimerRef.ActiveYearPPTBlank, UserProfile.LegalEntity.LegalEntity)), StringJoin(\"\n\n\", UserProfile.LegalEntity.DisclaimerRef.DisclaimerS_ISL, UserProfile.LegalEntity.DisclaimerRef.DisclaimerP_Brand, UserProfile.LegalEntity.DisclaimerRef.DisclaimerP_ISL, UserProfile.LegalEntity.DisclaimerRef.DisclaimerD_External_ISL, StringJoin(\" \", UserProfile.LegalEntity.DisclaimerRef.DisclaimerC, UserProfile.LegalEntity.DisclaimerRef.ActiveYearPPTBlank, UserProfile.LegalEntity.LegalEntity))))), IfElse(Equals(Form.InternalExternal.AudienceType, \"Internal\"), StringJoin(\"\n\n\", UserProfile.LegalEntity.DisclaimerRef.DisclaimerS, UserProfile.LegalEntity.DisclaimerRef.DisclaimerP_Brand, UserProfile.LegalEntity.DisclaimerRef.DisclaimerD_Internal, StringJoin(\" \", UserProfile.LegalEntity.DisclaimerRef.Confidential_Internal, UserProfile.LegalEntity.DisclaimerRef.DisclaimerC, UserProfile.LegalEntity.DisclaimerRef.ActiveYearPPTBlank, UserProfile.LegalEntity.LegalEntity)), IfElse(Equals(Form.InternalExternal.AudienceType, \"External\"), StringJoin(\"\n\n\", UserProfile.LegalEntity.DisclaimerRef.DisclaimerS, UserProfile.LegalEntity.DisclaimerRef.DisclaimerP_Brand, UserProfile.LegalEntity.DisclaimerRef.DisclaimerP, UserProfile.LegalEntity.DisclaimerRef.DisclaimerD_External, StringJoin(\" \", UserProfile.LegalEntity.DisclaimerRef.DisclaimerC, UserProfile.LegalEntity.DisclaimerRef.ActiveYearPPTBlank, UserProfile.LegalEntity.LegalEntity)), IfElse(Equals(Form.InternalExternal.AudienceType, \"Client advice external\"), StringJoin(\"\n\n\", UserProfile.LegalEntity.DisclaimerRef.DisclaimerS, UserProfile.LegalEntity.DisclaimerRef.DisclaimerP_Brand, UserProfile.LegalEntity.DisclaimerRef.DisclaimerP, UserProfile.LegalEntity.DisclaimerRef.DisclaimerD_ClientExternal, StringJoin(\" \", UserProfile.LegalEntity.DisclaimerRef.DisclaimerC, UserProfile.LegalEntity.DisclaimerRef.ActiveYearPPTBlank, UserProfile.LegalEntity.LegalEntity)), StringJoin(\"\n\n\", UserProfile.LegalEntity.DisclaimerRef.DisclaimerS, UserProfile.LegalEntity.DisclaimerRef.DisclaimerP_Brand, UserProfile.LegalEntity.DisclaimerRef.DisclaimerP, UserProfile.LegalEntity.DisclaimerRef.DisclaimerD_External, StringJoin(\" \", UserProfile.LegalEntity.DisclaimerRef.DisclaimerC, UserProfile.LegalEntity.DisclaimerRef.ActiveYearPPTBlank, UserProfile.LegalEntity.LegalEntity))))))}}","visibility":"","type":"text","disableUpdates":false}},{"type":"shape","id":"9d32fa7e-1168-4e42-928f-1fe8dc913157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06d261a4-d065-4da9-acdb-ec61578e7868","elementConfiguration":{"binding":"{{StringJoin(\" \", UserProfile.LegalEntity.DisclaimerRef.DisclaimerC, UserProfile.LegalEntity.DisclaimerRef.ActiveYearPPTBlank, UserProfile.LegalEntity.LegalEntity)}}","visibility":"","type":"text","disableUpdates":false}},{"type":"shape","id":"6f883f7f-58ed-41f2-8f37-97f5afe295d6","elementConfiguration":{"binding":"{{StringJoin(\" \", UserProfile.LegalEntity.DisclaimerRef.DisclaimerC, UserProfile.LegalEntity.DisclaimerRef.ActiveYearPPTBlank, UserProfile.LegalEntity.LegalEntity)}}","visibility":"","type":"text","disableUpdates":false}}],"transformationConfigurations":[{"language":"{{UserProfile.DocumentLanguage.LanguageRef.Language}}","disableUpdates":false,"type":"proofingLanguage"}],"templateName":"Blank_2025-03-05","templateDescription":"","enableDocumentContentUpdater":true,"version":"2.0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1131510869412544514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1131510869412544514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41B0BFA-154F-4FE6-8C46-2B0CF6A6ECED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E2DEEF2F-723F-4D5F-94DC-B82DFB1AA502}">
  <ds:schemaRefs/>
</ds:datastoreItem>
</file>

<file path=customXml/itemProps11.xml><?xml version="1.0" encoding="utf-8"?>
<ds:datastoreItem xmlns:ds="http://schemas.openxmlformats.org/officeDocument/2006/customXml" ds:itemID="{9C889136-2E1C-45BC-A784-4505CE81B399}">
  <ds:schemaRefs/>
</ds:datastoreItem>
</file>

<file path=customXml/itemProps2.xml><?xml version="1.0" encoding="utf-8"?>
<ds:datastoreItem xmlns:ds="http://schemas.openxmlformats.org/officeDocument/2006/customXml" ds:itemID="{2EEE0193-3346-4FA1-A6C3-2BE7C7DE3BC4}">
  <ds:schemaRefs>
    <ds:schemaRef ds:uri="http://schemas.microsoft.com/office/2006/documentManagement/types"/>
    <ds:schemaRef ds:uri="http://schemas.microsoft.com/office/infopath/2007/PartnerControls"/>
    <ds:schemaRef ds:uri="http://purl.org/dc/dcmitype/"/>
    <ds:schemaRef ds:uri="http://purl.org/dc/terms/"/>
    <ds:schemaRef ds:uri="8f1e2369-70da-40d7-b978-99d0855b91b8"/>
    <ds:schemaRef ds:uri="http://www.w3.org/XML/1998/namespace"/>
    <ds:schemaRef ds:uri="http://purl.org/dc/elements/1.1/"/>
    <ds:schemaRef ds:uri="http://schemas.openxmlformats.org/package/2006/metadata/core-properties"/>
    <ds:schemaRef ds:uri="8ee28f6f-733e-446a-845c-015b8614e1f7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186733A4-93AF-4934-A5DC-8C070E6AFE2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f1e2369-70da-40d7-b978-99d0855b91b8"/>
    <ds:schemaRef ds:uri="8ee28f6f-733e-446a-845c-015b8614e1f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B2FCC18-0D02-43EB-B8D3-BAED06786C65}">
  <ds:schemaRefs/>
</ds:datastoreItem>
</file>

<file path=customXml/itemProps5.xml><?xml version="1.0" encoding="utf-8"?>
<ds:datastoreItem xmlns:ds="http://schemas.openxmlformats.org/officeDocument/2006/customXml" ds:itemID="{2A4FC547-1520-448D-9D9C-9245C0DF5F21}">
  <ds:schemaRefs/>
</ds:datastoreItem>
</file>

<file path=customXml/itemProps6.xml><?xml version="1.0" encoding="utf-8"?>
<ds:datastoreItem xmlns:ds="http://schemas.openxmlformats.org/officeDocument/2006/customXml" ds:itemID="{A3877FEF-2D20-4B3E-826A-DB0BC79E6AED}">
  <ds:schemaRefs/>
</ds:datastoreItem>
</file>

<file path=customXml/itemProps7.xml><?xml version="1.0" encoding="utf-8"?>
<ds:datastoreItem xmlns:ds="http://schemas.openxmlformats.org/officeDocument/2006/customXml" ds:itemID="{00C2EEE7-C38A-4C8A-B194-1923E570DD06}">
  <ds:schemaRefs/>
</ds:datastoreItem>
</file>

<file path=customXml/itemProps8.xml><?xml version="1.0" encoding="utf-8"?>
<ds:datastoreItem xmlns:ds="http://schemas.openxmlformats.org/officeDocument/2006/customXml" ds:itemID="{5924156C-BE88-438D-91CD-49B8675AA3FA}">
  <ds:schemaRefs/>
</ds:datastoreItem>
</file>

<file path=customXml/itemProps9.xml><?xml version="1.0" encoding="utf-8"?>
<ds:datastoreItem xmlns:ds="http://schemas.openxmlformats.org/officeDocument/2006/customXml" ds:itemID="{F14B8578-CC97-474D-930A-538B18A88EA6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25</TotalTime>
  <Words>546</Words>
  <Application>Microsoft Office PowerPoint</Application>
  <PresentationFormat>Widescreen</PresentationFormat>
  <Paragraphs>127</Paragraphs>
  <Slides>12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7" baseType="lpstr">
      <vt:lpstr>Arial</vt:lpstr>
      <vt:lpstr>Calibri</vt:lpstr>
      <vt:lpstr>Calibri Light</vt:lpstr>
      <vt:lpstr>Metropolitan</vt:lpstr>
      <vt:lpstr>think-cell Slide</vt:lpstr>
      <vt:lpstr>PowerPoint Presentation</vt:lpstr>
      <vt:lpstr> Schema  </vt:lpstr>
      <vt:lpstr>Truppen, just nu… </vt:lpstr>
      <vt:lpstr>  Matcher/Seriespel  </vt:lpstr>
      <vt:lpstr>  Cuper- bokade Blir säkert några lokala utöver dessa  </vt:lpstr>
      <vt:lpstr>Nya medlemmar &amp; ”gamla” medlemmar</vt:lpstr>
      <vt:lpstr>Spelregler 9 mot 9</vt:lpstr>
      <vt:lpstr>Offside?</vt:lpstr>
      <vt:lpstr>Förväntningar </vt:lpstr>
      <vt:lpstr>Grupper </vt:lpstr>
      <vt:lpstr>PowerPoint Presentation</vt:lpstr>
      <vt:lpstr>OPE F-12 spelregler 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cument  heading two lines</dc:title>
  <dc:creator>Dana Smith, Mercedes Maria</dc:creator>
  <cp:lastModifiedBy>Bergqvist, Anna</cp:lastModifiedBy>
  <cp:revision>109</cp:revision>
  <dcterms:created xsi:type="dcterms:W3CDTF">2025-03-07T15:30:23Z</dcterms:created>
  <dcterms:modified xsi:type="dcterms:W3CDTF">2026-04-20T10:54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04-30T22:39:53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db8dcbfc-9da1-4960-b70d-4d360a6d5a6c</vt:lpwstr>
  </property>
  <property fmtid="{D5CDD505-2E9C-101B-9397-08002B2CF9AE}" pid="8" name="MSIP_Label_ea60d57e-af5b-4752-ac57-3e4f28ca11dc_ContentBits">
    <vt:lpwstr>0</vt:lpwstr>
  </property>
  <property fmtid="{D5CDD505-2E9C-101B-9397-08002B2CF9AE}" pid="9" name="ContentTypeId">
    <vt:lpwstr>0x01010097C0B5E8C28FBB4DB6BB6E6547CA8A70</vt:lpwstr>
  </property>
  <property fmtid="{D5CDD505-2E9C-101B-9397-08002B2CF9AE}" pid="10" name="TemplafyTimeStamp">
    <vt:lpwstr>2025-03-05T14:20:02</vt:lpwstr>
  </property>
  <property fmtid="{D5CDD505-2E9C-101B-9397-08002B2CF9AE}" pid="11" name="TemplafyTenantId">
    <vt:lpwstr>deloittenordics</vt:lpwstr>
  </property>
  <property fmtid="{D5CDD505-2E9C-101B-9397-08002B2CF9AE}" pid="12" name="TemplafyTemplateId">
    <vt:lpwstr>1131510861036519750</vt:lpwstr>
  </property>
  <property fmtid="{D5CDD505-2E9C-101B-9397-08002B2CF9AE}" pid="13" name="TemplafyUserProfileId">
    <vt:lpwstr>937571621329175216</vt:lpwstr>
  </property>
  <property fmtid="{D5CDD505-2E9C-101B-9397-08002B2CF9AE}" pid="14" name="TemplafyFromBlank">
    <vt:bool>true</vt:bool>
  </property>
  <property fmtid="{D5CDD505-2E9C-101B-9397-08002B2CF9AE}" pid="15" name="MSIP_Label_fcde3a35-8da8-4c7f-b979-2f5bf715068f_Enabled">
    <vt:lpwstr>true</vt:lpwstr>
  </property>
  <property fmtid="{D5CDD505-2E9C-101B-9397-08002B2CF9AE}" pid="16" name="MSIP_Label_fcde3a35-8da8-4c7f-b979-2f5bf715068f_SetDate">
    <vt:lpwstr>2025-04-13T10:57:41Z</vt:lpwstr>
  </property>
  <property fmtid="{D5CDD505-2E9C-101B-9397-08002B2CF9AE}" pid="17" name="MSIP_Label_fcde3a35-8da8-4c7f-b979-2f5bf715068f_Method">
    <vt:lpwstr>Privileged</vt:lpwstr>
  </property>
  <property fmtid="{D5CDD505-2E9C-101B-9397-08002B2CF9AE}" pid="18" name="MSIP_Label_fcde3a35-8da8-4c7f-b979-2f5bf715068f_Name">
    <vt:lpwstr>Publik</vt:lpwstr>
  </property>
  <property fmtid="{D5CDD505-2E9C-101B-9397-08002B2CF9AE}" pid="19" name="MSIP_Label_fcde3a35-8da8-4c7f-b979-2f5bf715068f_SiteId">
    <vt:lpwstr>0b3b45c6-70cd-4220-8bf9-a1daee8f0f45</vt:lpwstr>
  </property>
  <property fmtid="{D5CDD505-2E9C-101B-9397-08002B2CF9AE}" pid="20" name="MSIP_Label_fcde3a35-8da8-4c7f-b979-2f5bf715068f_ActionId">
    <vt:lpwstr>75d9e1a2-7ed1-4a2f-85ad-3afa6f3be5cc</vt:lpwstr>
  </property>
  <property fmtid="{D5CDD505-2E9C-101B-9397-08002B2CF9AE}" pid="21" name="MSIP_Label_fcde3a35-8da8-4c7f-b979-2f5bf715068f_ContentBits">
    <vt:lpwstr>0</vt:lpwstr>
  </property>
</Properties>
</file>